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E2DEC59D-5E7F-49E1-84D4-97A5A2172172}"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644" uniqueCount="50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Each individual item used to create the 'spending time with friends and family' scale is presented individually. 
The questions were measured on a 7-point scale, from 'never' (1) to 'all the time' (7), and included: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Victoria</t>
  </si>
  <si>
    <t>Regional Victoria</t>
  </si>
  <si>
    <t>Colac Otway &amp; Surf Coast (LGAs)</t>
  </si>
  <si>
    <t>Corangamite, Moyne &amp; Warrnambool (LGAs)</t>
  </si>
  <si>
    <t>Glenelg &amp; Southern Grampians (LGAs)</t>
  </si>
  <si>
    <t>Greater Geelong &amp; Queenscliffe (LGAs)</t>
  </si>
  <si>
    <t>Ararat, Horsham, Northern Grampians &amp; Pyrenees (LGAs)</t>
  </si>
  <si>
    <t>Ballarat &amp; Golden Plains (LGAs)</t>
  </si>
  <si>
    <t>Hepburn &amp; Moorabool (LGAs)</t>
  </si>
  <si>
    <t>Hindmarsh, West Wimmera &amp; Yarriambiack (LGAs)</t>
  </si>
  <si>
    <t>Buloke &amp; Swan Hill (LGAs)</t>
  </si>
  <si>
    <t>Campaspe (LGA)</t>
  </si>
  <si>
    <t>Central Goldfields, Macedon Ranges &amp; Mount Alexander (LGAs)</t>
  </si>
  <si>
    <t>Gannawarra &amp; Loddon (LGAs)</t>
  </si>
  <si>
    <t>Greater Bendigo (LGA)</t>
  </si>
  <si>
    <t>Mildura (LGA)</t>
  </si>
  <si>
    <t>Barwon South West (RDA)</t>
  </si>
  <si>
    <t>Grampians (RDA)</t>
  </si>
  <si>
    <t>Loddon Mallee (RDA)</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About the region: Western Victoria</t>
  </si>
  <si>
    <t>This file provides data from the 2017 Regional Wellbeing Survey for western Victoria.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Victoria; (v) regional Victoria; and (vi) the Regional Development Australia (RDA) regions of Barwon South West, Grampians and Loddon Mallee.</t>
  </si>
  <si>
    <t xml:space="preserve">Colac Otway &amp; Surf Coast are LGAs located in the south of Victoria. In total, 117 people who live in these LGAs took part in the 2017 Regional Wellbeing Survey. </t>
  </si>
  <si>
    <t xml:space="preserve">The Barwon South West region is a Regional Development Australia region located in the south west of Victoria. The region includes the local government areas (LGAs) of Colac Otway, Corangamite, Greater Geelong, Glenelg, Moyne, Queenscliffe, Southern Grampians, Surf Coast and Warrnambool. In total, 581 people who live in this region took part in the 2017 Regional Wellbeing Survey. </t>
  </si>
  <si>
    <t xml:space="preserve">Corangamite, Moyne &amp; Warrnambool are LGAs located in the south west of Victoria. In total, 176 people who live in these LGAs took part in the 2017 Regional Wellbeing Survey. </t>
  </si>
  <si>
    <t xml:space="preserve">Glenelg &amp; Southern Grampians are LGAs located in the south west of Victoria. In total, 136 people who live in these LGAs took part in the 2017 Regional Wellbeing Survey. </t>
  </si>
  <si>
    <t xml:space="preserve">Greater Geelong &amp; Queenscliffe are LGAs located in the south of Victoria. In total, 152 people who live in these LGAs took part in the 2017 Regional Wellbeing Survey. </t>
  </si>
  <si>
    <t xml:space="preserve">Ararat, Horsham, Northern Grampians &amp; Pyrenees are LGAs located in the west of Victoria. In total, 175 people who live in these LGAs took part in the 2017 Regional Wellbeing Survey. </t>
  </si>
  <si>
    <t xml:space="preserve">Ballarat &amp; Golden Plains are LGAs located in the central part of Victoria. In total, 123 people who live in these LGAs took part in the 2017 Regional Wellbeing Survey. </t>
  </si>
  <si>
    <t xml:space="preserve">Hepburn &amp; Moorabool are LGAs located in the central part of Victoria. In total, 98 people who live in these LGAs took part in the 2017 Regional Wellbeing Survey. </t>
  </si>
  <si>
    <t xml:space="preserve">Hindmarsh, West Wimmera &amp; Yarriambiack are LGAs located in the west of Victoria. In total, 136 people who live in these LGAs took part in the 2017 Regional Wellbeing Survey. </t>
  </si>
  <si>
    <t xml:space="preserve">The Loddon Mallee region is a Regional Development Australia region located in the north west of Victoria. The region includes the local government areas (LGAs) of Buloke, Campaspe, Central Goldfields, Gannawarra, Greater Bendigo, Loddon, Macedon Ranges, Mildura, Mount Alexander and Swan Hill. In total, 752 people who live in this region took part in the 2017 Regional Wellbeing Survey. </t>
  </si>
  <si>
    <t xml:space="preserve">Buloke &amp; Swan Hill are LGAs located in the north west of Victoria. In total, 135 people who live in these LGAs took part in the 2017 Regional Wellbeing Survey. </t>
  </si>
  <si>
    <t>Campaspe is an LGA located in the north of Victoria. In total, 108 people who live in this LGA took part in the 2017 Regional Wellbeing Survey.</t>
  </si>
  <si>
    <t xml:space="preserve">Central Goldfields, Macedon Ranges &amp; Mount Alexander are LGAs located in the central part of Victoria. In total, 190 people who live in these LGAs took part in the 2017 Regional Wellbeing Survey. </t>
  </si>
  <si>
    <t xml:space="preserve">Gannawarra &amp; Loddon are LGAs located in the north of Victoria. In total, 85 people who live in these LGAs took part in the 2017 Regional Wellbeing Survey. </t>
  </si>
  <si>
    <t>Greater Bendigo is an LGA located in the central part of Victoria. In total, 100 people who live in this LGA took part in the 2017 Regional Wellbeing Survey.</t>
  </si>
  <si>
    <t>Mildura is an LGA located in the north west of Victoria. In total, 135 people who live in this LGA took part in the 2017 Regional Wellbeing Survey.</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 xml:space="preserve">Explanatory notes </t>
  </si>
  <si>
    <t>Victoria includes all of Victoria including the large metropolitan areas of Melbourne and surrounding suburban areas. In total, 3951 people from Victoria took part in the 2017 Regional Wellbeing Survey, although not all these people answered every question on the survey.</t>
  </si>
  <si>
    <t xml:space="preserve">Regional Victoria includes all of Victoria except the large metropolitan areas of Melbourne and surrounding suburban areas and Geelong. In total, 3312 people who live in regional Victoria took part in the 2017 Regional Wellbeing Survey, although not all these people answered every question on the survey. A total of 639 living in urban areas are excluded when reporting for regional Victoria in these data tables. </t>
  </si>
  <si>
    <t xml:space="preserve">The Grampians region is a Regional Development Australia region located in the west of Victoria. The region includes the local government areas (LGAs) of Ararat, Ballarat, Golden Plains, Hepburn, Hindmarsh, Horsham, Moorabool, Northern Grampians, Pyrenees, West Wimmera and Yarriambiack. In total, 532 people who live in this region took part in the 2017 Regional Wellbeing Survey. </t>
  </si>
  <si>
    <t xml:space="preserve">You may reproduce the data in this spreadsheet for any purpose, providing you acknowledge the data source. Data should be cited as being sourced from the 2017 Regional Wellbeing Survey, Western Victoria data tables, Version 1.01 August 2018. </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7">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1" fillId="0" borderId="0"/>
    <xf numFmtId="0" fontId="31" fillId="0" borderId="0"/>
  </cellStyleXfs>
  <cellXfs count="39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5" applyNumberFormat="1" applyFont="1" applyFill="1" applyBorder="1" applyAlignment="1">
      <alignment horizontal="left" vertical="center"/>
    </xf>
    <xf numFmtId="164" fontId="20" fillId="0" borderId="1" xfId="35" applyNumberFormat="1" applyFont="1" applyFill="1" applyBorder="1" applyAlignment="1">
      <alignment horizontal="left" vertical="center"/>
    </xf>
    <xf numFmtId="165" fontId="20" fillId="4" borderId="1" xfId="35"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0" fontId="27" fillId="3" borderId="0" xfId="0" applyFont="1" applyFill="1" applyBorder="1" applyAlignment="1">
      <alignment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2" xfId="28"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5" fillId="0" borderId="0" xfId="28" applyFont="1" applyFill="1" applyBorder="1" applyAlignment="1">
      <alignment horizontal="left" vertical="top" wrapText="1"/>
    </xf>
    <xf numFmtId="0" fontId="15" fillId="0" borderId="0" xfId="28" quotePrefix="1" applyFont="1" applyFill="1" applyBorder="1" applyAlignment="1">
      <alignment horizontal="lef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3"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1" xfId="0" applyFont="1" applyFill="1" applyBorder="1" applyAlignment="1">
      <alignment horizontal="left" vertical="top"/>
    </xf>
    <xf numFmtId="0" fontId="15" fillId="0" borderId="0" xfId="5"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5" fillId="0" borderId="0" xfId="7"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2" xfId="4" quotePrefix="1" applyFont="1" applyFill="1" applyBorder="1" applyAlignment="1">
      <alignmen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vertical="top" wrapText="1"/>
    </xf>
    <xf numFmtId="0" fontId="15" fillId="0" borderId="2" xfId="3" quotePrefix="1" applyFont="1" applyFill="1" applyBorder="1" applyAlignment="1">
      <alignment horizontal="left" vertical="top" wrapText="1"/>
    </xf>
  </cellXfs>
  <cellStyles count="37">
    <cellStyle name="Hyperlink" xfId="1" builtinId="8"/>
    <cellStyle name="Normal" xfId="0" builtinId="0"/>
    <cellStyle name="Normal 2" xfId="36"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Volunteering" xfId="35"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4" name="Picture 3">
          <a:extLst>
            <a:ext uri="{FF2B5EF4-FFF2-40B4-BE49-F238E27FC236}">
              <a16:creationId xmlns:a16="http://schemas.microsoft.com/office/drawing/2014/main" id="{40337CCC-7E1D-4B34-9AFD-40FF11835A0F}"/>
            </a:ext>
          </a:extLst>
        </xdr:cNvPr>
        <xdr:cNvPicPr>
          <a:picLocks noChangeAspect="1"/>
        </xdr:cNvPicPr>
      </xdr:nvPicPr>
      <xdr:blipFill>
        <a:blip xmlns:r="http://schemas.openxmlformats.org/officeDocument/2006/relationships" r:embed="rId1"/>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Q1" sqref="Q1"/>
    </sheetView>
  </sheetViews>
  <sheetFormatPr defaultColWidth="8.85546875" defaultRowHeight="15"/>
  <cols>
    <col min="1" max="16384" width="8.85546875" style="2"/>
  </cols>
  <sheetData>
    <row r="1" spans="11:19" ht="23.25">
      <c r="Q1" s="226"/>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203"/>
  <sheetViews>
    <sheetView topLeftCell="A115" zoomScaleNormal="100" workbookViewId="0">
      <selection activeCell="A120" sqref="A120:L120"/>
    </sheetView>
  </sheetViews>
  <sheetFormatPr defaultColWidth="18.5703125" defaultRowHeight="15"/>
  <cols>
    <col min="1" max="1" width="36.85546875" customWidth="1"/>
  </cols>
  <sheetData>
    <row r="1" spans="1:4" ht="15.75" customHeight="1">
      <c r="A1" s="33" t="s">
        <v>45</v>
      </c>
    </row>
    <row r="3" spans="1:4" ht="18.75">
      <c r="A3" s="321" t="s">
        <v>12</v>
      </c>
      <c r="B3" s="321"/>
      <c r="C3" s="321"/>
      <c r="D3" s="321"/>
    </row>
    <row r="4" spans="1:4" ht="101.25" customHeight="1">
      <c r="A4" s="383" t="s">
        <v>495</v>
      </c>
      <c r="B4" s="383"/>
      <c r="C4" s="383"/>
      <c r="D4" s="383"/>
    </row>
    <row r="5" spans="1:4" ht="42" customHeight="1">
      <c r="A5" s="371" t="s">
        <v>148</v>
      </c>
      <c r="B5" s="371"/>
      <c r="C5" s="371"/>
      <c r="D5" s="371"/>
    </row>
    <row r="6" spans="1:4" ht="36.75" customHeight="1">
      <c r="A6" s="37" t="s">
        <v>85</v>
      </c>
      <c r="B6" s="38" t="s">
        <v>86</v>
      </c>
      <c r="C6" s="39" t="s">
        <v>87</v>
      </c>
      <c r="D6" s="40" t="s">
        <v>88</v>
      </c>
    </row>
    <row r="7" spans="1:4" ht="75.75" customHeight="1">
      <c r="A7" s="41"/>
      <c r="B7" s="42" t="s">
        <v>89</v>
      </c>
      <c r="C7" s="128" t="s">
        <v>149</v>
      </c>
      <c r="D7" s="44" t="s">
        <v>91</v>
      </c>
    </row>
    <row r="8" spans="1:4">
      <c r="A8" s="45" t="s">
        <v>436</v>
      </c>
      <c r="B8" s="170">
        <v>8622</v>
      </c>
      <c r="C8" s="84">
        <v>4.4000000000000004</v>
      </c>
      <c r="D8" s="85">
        <v>1.9599999999999999E-2</v>
      </c>
    </row>
    <row r="9" spans="1:4">
      <c r="A9" s="49" t="s">
        <v>437</v>
      </c>
      <c r="B9" s="49">
        <v>7978</v>
      </c>
      <c r="C9" s="172">
        <v>4.3280430000000001</v>
      </c>
      <c r="D9" s="132">
        <v>5.7529919999999998E-2</v>
      </c>
    </row>
    <row r="10" spans="1:4">
      <c r="A10" s="45" t="s">
        <v>438</v>
      </c>
      <c r="B10" s="53">
        <v>777</v>
      </c>
      <c r="C10" s="84">
        <v>4.37</v>
      </c>
      <c r="D10" s="85">
        <v>9.8000000000000004E-2</v>
      </c>
    </row>
    <row r="11" spans="1:4">
      <c r="A11" s="49" t="s">
        <v>439</v>
      </c>
      <c r="B11" s="49">
        <v>3274</v>
      </c>
      <c r="C11" s="172">
        <v>4.55</v>
      </c>
      <c r="D11" s="132">
        <v>3.9199999999999999E-2</v>
      </c>
    </row>
    <row r="12" spans="1:4">
      <c r="A12" s="45" t="s">
        <v>440</v>
      </c>
      <c r="B12" s="53">
        <v>3039</v>
      </c>
      <c r="C12" s="84">
        <v>4.53</v>
      </c>
      <c r="D12" s="85">
        <v>3.9199999999999999E-2</v>
      </c>
    </row>
    <row r="13" spans="1:4">
      <c r="A13" s="49" t="s">
        <v>455</v>
      </c>
      <c r="B13" s="49">
        <v>526</v>
      </c>
      <c r="C13" s="172">
        <v>4.5199999999999996</v>
      </c>
      <c r="D13" s="132">
        <v>0.1176</v>
      </c>
    </row>
    <row r="14" spans="1:4">
      <c r="A14" s="45" t="s">
        <v>441</v>
      </c>
      <c r="B14" s="53">
        <v>106</v>
      </c>
      <c r="C14" s="84">
        <v>4.6100000000000003</v>
      </c>
      <c r="D14" s="85">
        <v>0.23519999999999999</v>
      </c>
    </row>
    <row r="15" spans="1:4">
      <c r="A15" s="49" t="s">
        <v>442</v>
      </c>
      <c r="B15" s="49">
        <v>163</v>
      </c>
      <c r="C15" s="172">
        <v>4.43</v>
      </c>
      <c r="D15" s="132">
        <v>0.21559999999999999</v>
      </c>
    </row>
    <row r="16" spans="1:4">
      <c r="A16" s="45" t="s">
        <v>443</v>
      </c>
      <c r="B16" s="53">
        <v>124</v>
      </c>
      <c r="C16" s="84">
        <v>4.2699999999999996</v>
      </c>
      <c r="D16" s="85">
        <v>0.23519999999999999</v>
      </c>
    </row>
    <row r="17" spans="1:25">
      <c r="A17" s="49" t="s">
        <v>444</v>
      </c>
      <c r="B17" s="49">
        <v>133</v>
      </c>
      <c r="C17" s="172">
        <v>4.7</v>
      </c>
      <c r="D17" s="132">
        <v>0.21559999999999999</v>
      </c>
    </row>
    <row r="18" spans="1:25">
      <c r="A18" s="45" t="s">
        <v>456</v>
      </c>
      <c r="B18" s="170">
        <v>482</v>
      </c>
      <c r="C18" s="84">
        <v>4.47</v>
      </c>
      <c r="D18" s="85">
        <v>0.1176</v>
      </c>
    </row>
    <row r="19" spans="1:25" ht="25.5">
      <c r="A19" s="49" t="s">
        <v>445</v>
      </c>
      <c r="B19" s="171">
        <v>157</v>
      </c>
      <c r="C19" s="172">
        <v>4.53</v>
      </c>
      <c r="D19" s="132">
        <v>0.21559999999999999</v>
      </c>
    </row>
    <row r="20" spans="1:25">
      <c r="A20" s="45" t="s">
        <v>446</v>
      </c>
      <c r="B20" s="83">
        <v>108</v>
      </c>
      <c r="C20" s="84">
        <v>4.42</v>
      </c>
      <c r="D20" s="85">
        <v>0.23519999999999999</v>
      </c>
      <c r="P20" s="249"/>
      <c r="Q20" s="249"/>
      <c r="R20" s="249"/>
      <c r="S20" s="249"/>
      <c r="T20" s="249"/>
      <c r="U20" s="249"/>
      <c r="V20" s="249"/>
      <c r="W20" s="249"/>
      <c r="X20" s="249"/>
      <c r="Y20" s="249"/>
    </row>
    <row r="21" spans="1:25">
      <c r="A21" s="49" t="s">
        <v>447</v>
      </c>
      <c r="B21" s="171">
        <v>90</v>
      </c>
      <c r="C21" s="172">
        <v>4.7300000000000004</v>
      </c>
      <c r="D21" s="132">
        <v>0.25480000000000003</v>
      </c>
      <c r="P21" s="249"/>
      <c r="Q21" s="249"/>
      <c r="R21" s="249"/>
      <c r="S21" s="249"/>
      <c r="T21" s="249"/>
      <c r="U21" s="249"/>
      <c r="V21" s="249"/>
      <c r="W21" s="249"/>
      <c r="X21" s="249"/>
      <c r="Y21" s="249"/>
    </row>
    <row r="22" spans="1:25" ht="25.5">
      <c r="A22" s="57" t="s">
        <v>448</v>
      </c>
      <c r="B22" s="170">
        <v>127</v>
      </c>
      <c r="C22" s="84">
        <v>4.1399999999999997</v>
      </c>
      <c r="D22" s="85">
        <v>0.23519999999999999</v>
      </c>
      <c r="P22" s="249"/>
      <c r="Q22" s="249"/>
      <c r="R22" s="249"/>
      <c r="S22" s="249"/>
      <c r="T22" s="249"/>
      <c r="U22" s="249"/>
      <c r="V22" s="249"/>
      <c r="W22" s="249"/>
      <c r="X22" s="249"/>
      <c r="Y22" s="249"/>
    </row>
    <row r="23" spans="1:25">
      <c r="A23" s="49" t="s">
        <v>457</v>
      </c>
      <c r="B23" s="171">
        <v>654</v>
      </c>
      <c r="C23" s="172">
        <v>4.4800000000000004</v>
      </c>
      <c r="D23" s="132">
        <v>9.8000000000000004E-2</v>
      </c>
      <c r="P23" s="249"/>
      <c r="Q23" s="249"/>
      <c r="R23" s="249"/>
      <c r="S23" s="249"/>
      <c r="T23" s="249"/>
      <c r="U23" s="249"/>
      <c r="V23" s="249"/>
      <c r="W23" s="249"/>
      <c r="X23" s="249"/>
      <c r="Y23" s="249"/>
    </row>
    <row r="24" spans="1:25">
      <c r="A24" s="57" t="s">
        <v>449</v>
      </c>
      <c r="B24" s="170">
        <v>123</v>
      </c>
      <c r="C24" s="84">
        <v>4.26</v>
      </c>
      <c r="D24" s="85">
        <v>0.23519999999999999</v>
      </c>
      <c r="P24" s="249"/>
      <c r="Q24" s="249"/>
      <c r="R24" s="249"/>
      <c r="S24" s="249"/>
      <c r="T24" s="249"/>
      <c r="U24" s="249"/>
      <c r="V24" s="249"/>
      <c r="W24" s="249"/>
      <c r="X24" s="249"/>
      <c r="Y24" s="249"/>
    </row>
    <row r="25" spans="1:25">
      <c r="A25" s="49" t="s">
        <v>450</v>
      </c>
      <c r="B25" s="171">
        <v>96</v>
      </c>
      <c r="C25" s="172">
        <v>4.5</v>
      </c>
      <c r="D25" s="132">
        <v>0.25480000000000003</v>
      </c>
      <c r="P25" s="249"/>
      <c r="Q25" s="249"/>
      <c r="R25" s="249"/>
      <c r="S25" s="249"/>
      <c r="T25" s="249"/>
      <c r="U25" s="249"/>
      <c r="V25" s="249"/>
      <c r="W25" s="249"/>
      <c r="X25" s="249"/>
      <c r="Y25" s="249"/>
    </row>
    <row r="26" spans="1:25" ht="25.5">
      <c r="A26" s="57" t="s">
        <v>451</v>
      </c>
      <c r="B26" s="170">
        <v>165</v>
      </c>
      <c r="C26" s="84">
        <v>4.43</v>
      </c>
      <c r="D26" s="85">
        <v>0.19600000000000001</v>
      </c>
      <c r="P26" s="249"/>
      <c r="Q26" s="249"/>
      <c r="R26" s="249"/>
      <c r="S26" s="249"/>
      <c r="T26" s="249"/>
      <c r="U26" s="249"/>
      <c r="V26" s="249"/>
      <c r="W26" s="249"/>
      <c r="X26" s="249"/>
      <c r="Y26" s="249"/>
    </row>
    <row r="27" spans="1:25">
      <c r="A27" s="49" t="s">
        <v>452</v>
      </c>
      <c r="B27" s="171">
        <v>75</v>
      </c>
      <c r="C27" s="172">
        <v>4.5999999999999996</v>
      </c>
      <c r="D27" s="132">
        <v>0.27440000000000003</v>
      </c>
      <c r="P27" s="249"/>
      <c r="Q27" s="249"/>
      <c r="R27" s="249"/>
      <c r="S27" s="249"/>
      <c r="T27" s="249"/>
      <c r="U27" s="249"/>
      <c r="V27" s="249"/>
      <c r="W27" s="249"/>
      <c r="X27" s="249"/>
      <c r="Y27" s="249"/>
    </row>
    <row r="28" spans="1:25">
      <c r="A28" s="57" t="s">
        <v>453</v>
      </c>
      <c r="B28" s="170">
        <v>80</v>
      </c>
      <c r="C28" s="84">
        <v>4.59</v>
      </c>
      <c r="D28" s="85">
        <v>0.25480000000000003</v>
      </c>
      <c r="P28" s="249"/>
      <c r="Q28" s="249"/>
      <c r="R28" s="249"/>
      <c r="S28" s="249"/>
      <c r="T28" s="249"/>
      <c r="U28" s="249"/>
      <c r="V28" s="249"/>
      <c r="W28" s="249"/>
      <c r="X28" s="249"/>
      <c r="Y28" s="249"/>
    </row>
    <row r="29" spans="1:25">
      <c r="A29" s="49" t="s">
        <v>454</v>
      </c>
      <c r="B29" s="171">
        <v>115</v>
      </c>
      <c r="C29" s="172">
        <v>4.5199999999999996</v>
      </c>
      <c r="D29" s="132">
        <v>0.23519999999999999</v>
      </c>
      <c r="P29" s="249"/>
      <c r="Q29" s="249"/>
      <c r="R29" s="249"/>
      <c r="S29" s="249"/>
      <c r="T29" s="249"/>
      <c r="U29" s="249"/>
      <c r="V29" s="249"/>
      <c r="W29" s="249"/>
      <c r="X29" s="249"/>
      <c r="Y29" s="249"/>
    </row>
    <row r="30" spans="1:25">
      <c r="P30" s="249"/>
      <c r="Q30" s="249"/>
      <c r="R30" s="249"/>
      <c r="S30" s="249"/>
      <c r="T30" s="249"/>
      <c r="U30" s="249"/>
      <c r="V30" s="249"/>
      <c r="W30" s="249"/>
      <c r="X30" s="249"/>
      <c r="Y30" s="249"/>
    </row>
    <row r="31" spans="1:25">
      <c r="P31" s="249"/>
      <c r="Q31" s="249"/>
      <c r="R31" s="249"/>
      <c r="S31" s="249"/>
      <c r="T31" s="249"/>
      <c r="U31" s="249"/>
      <c r="V31" s="249"/>
      <c r="W31" s="249"/>
      <c r="X31" s="249"/>
      <c r="Y31" s="249"/>
    </row>
    <row r="32" spans="1:25" ht="18.75">
      <c r="A32" s="322" t="s">
        <v>46</v>
      </c>
      <c r="B32" s="322"/>
      <c r="C32" s="322"/>
      <c r="D32" s="322"/>
      <c r="E32" s="322"/>
      <c r="F32" s="322"/>
      <c r="G32" s="322"/>
      <c r="H32" s="322"/>
      <c r="I32" s="322"/>
      <c r="J32" s="322"/>
      <c r="K32" s="322"/>
      <c r="L32" s="322"/>
      <c r="M32" s="322"/>
      <c r="N32" s="322"/>
      <c r="O32" s="322"/>
      <c r="P32" s="227"/>
      <c r="Q32" s="227"/>
      <c r="R32" s="227"/>
      <c r="S32" s="227"/>
      <c r="T32" s="227"/>
      <c r="U32" s="227"/>
      <c r="V32" s="227"/>
      <c r="W32" s="249"/>
      <c r="X32" s="249"/>
      <c r="Y32" s="249"/>
    </row>
    <row r="33" spans="1:25" ht="66" customHeight="1">
      <c r="A33" s="384" t="s">
        <v>314</v>
      </c>
      <c r="B33" s="384"/>
      <c r="C33" s="384"/>
      <c r="D33" s="384"/>
      <c r="E33" s="384"/>
      <c r="F33" s="384"/>
      <c r="G33" s="384"/>
      <c r="H33" s="384"/>
      <c r="I33" s="384"/>
      <c r="J33" s="384"/>
      <c r="K33" s="384"/>
      <c r="L33" s="384"/>
      <c r="M33" s="384"/>
      <c r="N33" s="384"/>
      <c r="O33" s="384"/>
      <c r="P33" s="253"/>
      <c r="Q33" s="253"/>
      <c r="R33" s="253"/>
      <c r="S33" s="253"/>
      <c r="T33" s="253"/>
      <c r="U33" s="253"/>
      <c r="V33" s="253"/>
      <c r="W33" s="249"/>
      <c r="X33" s="249"/>
      <c r="Y33" s="249"/>
    </row>
    <row r="34" spans="1:25" ht="37.5" customHeight="1">
      <c r="A34" s="64"/>
      <c r="B34" s="360" t="s">
        <v>326</v>
      </c>
      <c r="C34" s="360"/>
      <c r="D34" s="360"/>
      <c r="E34" s="360"/>
      <c r="F34" s="360"/>
      <c r="G34" s="360"/>
      <c r="H34" s="360"/>
      <c r="I34" s="360" t="s">
        <v>327</v>
      </c>
      <c r="J34" s="360"/>
      <c r="K34" s="360"/>
      <c r="L34" s="360"/>
      <c r="M34" s="360"/>
      <c r="N34" s="360"/>
      <c r="O34" s="360"/>
      <c r="P34" s="249"/>
      <c r="Q34" s="249"/>
      <c r="R34" s="249"/>
      <c r="S34" s="249"/>
      <c r="T34" s="249"/>
      <c r="U34" s="249"/>
      <c r="V34" s="249"/>
      <c r="W34" s="249"/>
      <c r="X34" s="249"/>
      <c r="Y34" s="249"/>
    </row>
    <row r="35" spans="1:25" ht="37.5" customHeight="1">
      <c r="A35" s="37" t="s">
        <v>85</v>
      </c>
      <c r="B35" s="38" t="s">
        <v>86</v>
      </c>
      <c r="C35" s="38" t="s">
        <v>150</v>
      </c>
      <c r="D35" s="89" t="s">
        <v>394</v>
      </c>
      <c r="E35" s="38" t="s">
        <v>151</v>
      </c>
      <c r="F35" s="89" t="s">
        <v>395</v>
      </c>
      <c r="G35" s="38" t="s">
        <v>152</v>
      </c>
      <c r="H35" s="89" t="s">
        <v>396</v>
      </c>
      <c r="I35" s="38" t="s">
        <v>86</v>
      </c>
      <c r="J35" s="38" t="s">
        <v>150</v>
      </c>
      <c r="K35" s="89" t="s">
        <v>394</v>
      </c>
      <c r="L35" s="38" t="s">
        <v>151</v>
      </c>
      <c r="M35" s="89" t="s">
        <v>395</v>
      </c>
      <c r="N35" s="38" t="s">
        <v>152</v>
      </c>
      <c r="O35" s="89" t="s">
        <v>396</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6</v>
      </c>
      <c r="B37" s="170">
        <v>8604</v>
      </c>
      <c r="C37" s="173">
        <v>0.193</v>
      </c>
      <c r="D37" s="94">
        <v>8.509741074131473E-3</v>
      </c>
      <c r="E37" s="173">
        <v>0.17899999999999999</v>
      </c>
      <c r="F37" s="94">
        <v>8.2664374032983337E-3</v>
      </c>
      <c r="G37" s="173">
        <v>0.628</v>
      </c>
      <c r="H37" s="94">
        <v>1.0419438315405576E-2</v>
      </c>
      <c r="I37" s="170">
        <v>8598</v>
      </c>
      <c r="J37" s="173">
        <v>0.39400000000000002</v>
      </c>
      <c r="K37" s="94">
        <v>1.0537175191888152E-2</v>
      </c>
      <c r="L37" s="173">
        <v>0.16600000000000001</v>
      </c>
      <c r="M37" s="94">
        <v>8.026569595508945E-3</v>
      </c>
      <c r="N37" s="173">
        <v>0.44</v>
      </c>
      <c r="O37" s="94">
        <v>1.0704184304635267E-2</v>
      </c>
    </row>
    <row r="38" spans="1:25">
      <c r="A38" s="49" t="s">
        <v>437</v>
      </c>
      <c r="B38" s="171">
        <v>8001</v>
      </c>
      <c r="C38" s="174">
        <v>0.20130000000000001</v>
      </c>
      <c r="D38" s="97">
        <v>8.9656838647354277E-3</v>
      </c>
      <c r="E38" s="174">
        <v>0.1928</v>
      </c>
      <c r="F38" s="97">
        <v>8.8211445853471886E-3</v>
      </c>
      <c r="G38" s="174">
        <v>0.60580000000000001</v>
      </c>
      <c r="H38" s="97">
        <v>1.0924018860253666E-2</v>
      </c>
      <c r="I38" s="171">
        <v>7995</v>
      </c>
      <c r="J38" s="174">
        <v>0.41249999999999998</v>
      </c>
      <c r="K38" s="97">
        <v>1.1008671650237495E-2</v>
      </c>
      <c r="L38" s="174">
        <v>0.16800000000000001</v>
      </c>
      <c r="M38" s="97">
        <v>8.3637222030356964E-3</v>
      </c>
      <c r="N38" s="174">
        <v>0.41949999999999998</v>
      </c>
      <c r="O38" s="97">
        <v>1.1035322243231458E-2</v>
      </c>
    </row>
    <row r="39" spans="1:25">
      <c r="A39" s="45" t="s">
        <v>438</v>
      </c>
      <c r="B39" s="170">
        <v>776</v>
      </c>
      <c r="C39" s="173">
        <v>0.2273</v>
      </c>
      <c r="D39" s="94">
        <v>3.0076438962391702E-2</v>
      </c>
      <c r="E39" s="173">
        <v>0.1668</v>
      </c>
      <c r="F39" s="94">
        <v>2.6805427112567452E-2</v>
      </c>
      <c r="G39" s="173">
        <v>0.60589999999999999</v>
      </c>
      <c r="H39" s="94">
        <v>3.5001825502559245E-2</v>
      </c>
      <c r="I39" s="170">
        <v>777</v>
      </c>
      <c r="J39" s="173">
        <v>0.38059999999999999</v>
      </c>
      <c r="K39" s="94">
        <v>3.4758305625612732E-2</v>
      </c>
      <c r="L39" s="173">
        <v>0.1651</v>
      </c>
      <c r="M39" s="94">
        <v>2.6680440559231369E-2</v>
      </c>
      <c r="N39" s="173">
        <v>0.45440000000000003</v>
      </c>
      <c r="O39" s="94">
        <v>3.5635218657947734E-2</v>
      </c>
    </row>
    <row r="40" spans="1:25">
      <c r="A40" s="49" t="s">
        <v>439</v>
      </c>
      <c r="B40" s="171">
        <v>3269</v>
      </c>
      <c r="C40" s="174">
        <v>0.187</v>
      </c>
      <c r="D40" s="97">
        <v>1.3641578105975173E-2</v>
      </c>
      <c r="E40" s="174">
        <v>0.16800000000000001</v>
      </c>
      <c r="F40" s="97">
        <v>1.3082513260503841E-2</v>
      </c>
      <c r="G40" s="174">
        <v>0.64500000000000002</v>
      </c>
      <c r="H40" s="97">
        <v>1.6730145855174412E-2</v>
      </c>
      <c r="I40" s="171">
        <v>3259</v>
      </c>
      <c r="J40" s="174">
        <v>0.33100000000000002</v>
      </c>
      <c r="K40" s="97">
        <v>1.6478479208548807E-2</v>
      </c>
      <c r="L40" s="174">
        <v>0.16900000000000001</v>
      </c>
      <c r="M40" s="97">
        <v>1.3133485661551793E-2</v>
      </c>
      <c r="N40" s="174">
        <v>0.5</v>
      </c>
      <c r="O40" s="97">
        <v>1.750618296273089E-2</v>
      </c>
    </row>
    <row r="41" spans="1:25">
      <c r="A41" s="45" t="s">
        <v>440</v>
      </c>
      <c r="B41" s="170">
        <v>3034</v>
      </c>
      <c r="C41" s="173">
        <v>0.191</v>
      </c>
      <c r="D41" s="94">
        <v>1.4275123524970339E-2</v>
      </c>
      <c r="E41" s="173">
        <v>0.17100000000000001</v>
      </c>
      <c r="F41" s="94">
        <v>1.3675629304861684E-2</v>
      </c>
      <c r="G41" s="173">
        <v>0.63700000000000001</v>
      </c>
      <c r="H41" s="94">
        <v>1.7450405303937811E-2</v>
      </c>
      <c r="I41" s="170">
        <v>3025</v>
      </c>
      <c r="J41" s="173">
        <v>0.34</v>
      </c>
      <c r="K41" s="94">
        <v>1.7216987336003072E-2</v>
      </c>
      <c r="L41" s="173">
        <v>0.16200000000000001</v>
      </c>
      <c r="M41" s="94">
        <v>1.3404223410923916E-2</v>
      </c>
      <c r="N41" s="173">
        <v>0.498</v>
      </c>
      <c r="O41" s="94">
        <v>1.816966407817865E-2</v>
      </c>
    </row>
    <row r="42" spans="1:25">
      <c r="A42" s="49" t="s">
        <v>455</v>
      </c>
      <c r="B42" s="171">
        <v>524</v>
      </c>
      <c r="C42" s="174">
        <v>0.21199999999999999</v>
      </c>
      <c r="D42" s="97">
        <v>3.5707987280471844E-2</v>
      </c>
      <c r="E42" s="174">
        <v>0.13800000000000001</v>
      </c>
      <c r="F42" s="97">
        <v>3.026824446821786E-2</v>
      </c>
      <c r="G42" s="174">
        <v>0.65</v>
      </c>
      <c r="H42" s="97">
        <v>4.1545850699776794E-2</v>
      </c>
      <c r="I42" s="171">
        <v>524</v>
      </c>
      <c r="J42" s="174">
        <v>0.32100000000000001</v>
      </c>
      <c r="K42" s="97">
        <v>4.0680073932157196E-2</v>
      </c>
      <c r="L42" s="174">
        <v>0.158</v>
      </c>
      <c r="M42" s="97">
        <v>3.1956583829668171E-2</v>
      </c>
      <c r="N42" s="174">
        <v>0.52</v>
      </c>
      <c r="O42" s="97">
        <v>4.3485110448013183E-2</v>
      </c>
    </row>
    <row r="43" spans="1:25">
      <c r="A43" s="45" t="s">
        <v>441</v>
      </c>
      <c r="B43" s="170">
        <v>106</v>
      </c>
      <c r="C43" s="173">
        <v>0.184</v>
      </c>
      <c r="D43" s="94">
        <v>7.5624482220008143E-2</v>
      </c>
      <c r="E43" s="173">
        <v>0.123</v>
      </c>
      <c r="F43" s="94">
        <v>6.5510503077931465E-2</v>
      </c>
      <c r="G43" s="173">
        <v>0.69299999999999995</v>
      </c>
      <c r="H43" s="94">
        <v>8.8504907579551276E-2</v>
      </c>
      <c r="I43" s="170">
        <v>106</v>
      </c>
      <c r="J43" s="173">
        <v>0.31900000000000001</v>
      </c>
      <c r="K43" s="94">
        <v>8.935695482954148E-2</v>
      </c>
      <c r="L43" s="173">
        <v>0.128</v>
      </c>
      <c r="M43" s="94">
        <v>6.646866761569363E-2</v>
      </c>
      <c r="N43" s="173">
        <v>0.55400000000000005</v>
      </c>
      <c r="O43" s="94">
        <v>9.4828499141537154E-2</v>
      </c>
    </row>
    <row r="44" spans="1:25">
      <c r="A44" s="49" t="s">
        <v>442</v>
      </c>
      <c r="B44" s="171">
        <v>163</v>
      </c>
      <c r="C44" s="174">
        <v>0.27300000000000002</v>
      </c>
      <c r="D44" s="97">
        <v>6.9370116044892155E-2</v>
      </c>
      <c r="E44" s="174">
        <v>0.13600000000000001</v>
      </c>
      <c r="F44" s="97">
        <v>5.444881141296052E-2</v>
      </c>
      <c r="G44" s="174">
        <v>0.59099999999999997</v>
      </c>
      <c r="H44" s="97">
        <v>7.6151589094434396E-2</v>
      </c>
      <c r="I44" s="171">
        <v>163</v>
      </c>
      <c r="J44" s="174">
        <v>0.309</v>
      </c>
      <c r="K44" s="97">
        <v>7.1802400767013427E-2</v>
      </c>
      <c r="L44" s="174">
        <v>0.13300000000000001</v>
      </c>
      <c r="M44" s="97">
        <v>5.3987334109092393E-2</v>
      </c>
      <c r="N44" s="174">
        <v>0.55700000000000005</v>
      </c>
      <c r="O44" s="97">
        <v>7.6901800163921855E-2</v>
      </c>
    </row>
    <row r="45" spans="1:25">
      <c r="A45" s="45" t="s">
        <v>443</v>
      </c>
      <c r="B45" s="170">
        <v>122</v>
      </c>
      <c r="C45" s="173">
        <v>0.17199999999999999</v>
      </c>
      <c r="D45" s="94">
        <v>6.8808061974700102E-2</v>
      </c>
      <c r="E45" s="173">
        <v>0.23300000000000001</v>
      </c>
      <c r="F45" s="94">
        <v>7.6254677693479322E-2</v>
      </c>
      <c r="G45" s="173">
        <v>0.59499999999999997</v>
      </c>
      <c r="H45" s="94">
        <v>8.7566558881686879E-2</v>
      </c>
      <c r="I45" s="170">
        <v>123</v>
      </c>
      <c r="J45" s="173">
        <v>0.42699999999999999</v>
      </c>
      <c r="K45" s="94">
        <v>8.7844063461223393E-2</v>
      </c>
      <c r="L45" s="173">
        <v>0.19400000000000001</v>
      </c>
      <c r="M45" s="94">
        <v>7.1468167818732609E-2</v>
      </c>
      <c r="N45" s="173">
        <v>0.379</v>
      </c>
      <c r="O45" s="94">
        <v>8.6263968411829345E-2</v>
      </c>
    </row>
    <row r="46" spans="1:25">
      <c r="A46" s="49" t="s">
        <v>444</v>
      </c>
      <c r="B46" s="171">
        <v>133</v>
      </c>
      <c r="C46" s="174">
        <v>0.186</v>
      </c>
      <c r="D46" s="97">
        <v>6.7721495056457456E-2</v>
      </c>
      <c r="E46" s="174">
        <v>9.1999999999999998E-2</v>
      </c>
      <c r="F46" s="97">
        <v>5.2140915204800388E-2</v>
      </c>
      <c r="G46" s="174">
        <v>0.72199999999999998</v>
      </c>
      <c r="H46" s="97">
        <v>7.7091638465336079E-2</v>
      </c>
      <c r="I46" s="171">
        <v>132</v>
      </c>
      <c r="J46" s="174">
        <v>0.27100000000000002</v>
      </c>
      <c r="K46" s="97">
        <v>7.6811151250597023E-2</v>
      </c>
      <c r="L46" s="174">
        <v>0.17899999999999999</v>
      </c>
      <c r="M46" s="97">
        <v>6.7066933090354913E-2</v>
      </c>
      <c r="N46" s="174">
        <v>0.55000000000000004</v>
      </c>
      <c r="O46" s="97">
        <v>8.5344439874334349E-2</v>
      </c>
    </row>
    <row r="47" spans="1:25">
      <c r="A47" s="45" t="s">
        <v>456</v>
      </c>
      <c r="B47" s="170">
        <v>482</v>
      </c>
      <c r="C47" s="173">
        <v>0.19400000000000001</v>
      </c>
      <c r="D47" s="94">
        <v>3.6049690260571872E-2</v>
      </c>
      <c r="E47" s="173">
        <v>0.21</v>
      </c>
      <c r="F47" s="94">
        <v>3.7104974562100802E-2</v>
      </c>
      <c r="G47" s="173">
        <v>0.59599999999999997</v>
      </c>
      <c r="H47" s="94">
        <v>4.4530941701195606E-2</v>
      </c>
      <c r="I47" s="170">
        <v>481</v>
      </c>
      <c r="J47" s="173">
        <v>0.33500000000000002</v>
      </c>
      <c r="K47" s="94">
        <v>4.2906969161747716E-2</v>
      </c>
      <c r="L47" s="173">
        <v>0.182</v>
      </c>
      <c r="M47" s="94">
        <v>3.5235542773659853E-2</v>
      </c>
      <c r="N47" s="173">
        <v>0.48199999999999998</v>
      </c>
      <c r="O47" s="94">
        <v>4.537871087130653E-2</v>
      </c>
    </row>
    <row r="48" spans="1:25" ht="25.5">
      <c r="A48" s="49" t="s">
        <v>445</v>
      </c>
      <c r="B48" s="171">
        <v>157</v>
      </c>
      <c r="C48" s="174">
        <v>0.26400000000000001</v>
      </c>
      <c r="D48" s="97">
        <v>6.9966651183894654E-2</v>
      </c>
      <c r="E48" s="174">
        <v>0.155</v>
      </c>
      <c r="F48" s="97">
        <v>5.830223594500554E-2</v>
      </c>
      <c r="G48" s="174">
        <v>0.58099999999999996</v>
      </c>
      <c r="H48" s="97">
        <v>7.7821417253345876E-2</v>
      </c>
      <c r="I48" s="171">
        <v>157</v>
      </c>
      <c r="J48" s="174">
        <v>0.29799999999999999</v>
      </c>
      <c r="K48" s="97">
        <v>7.2437309159049237E-2</v>
      </c>
      <c r="L48" s="174">
        <v>0.16400000000000001</v>
      </c>
      <c r="M48" s="97">
        <v>5.9531097970652883E-2</v>
      </c>
      <c r="N48" s="174">
        <v>0.53900000000000003</v>
      </c>
      <c r="O48" s="97">
        <v>7.8582731462778457E-2</v>
      </c>
    </row>
    <row r="49" spans="1:15">
      <c r="A49" s="45" t="s">
        <v>446</v>
      </c>
      <c r="B49" s="170">
        <v>108</v>
      </c>
      <c r="C49" s="173">
        <v>0.192</v>
      </c>
      <c r="D49" s="94">
        <v>7.6014801190294509E-2</v>
      </c>
      <c r="E49" s="173">
        <v>0.23200000000000001</v>
      </c>
      <c r="F49" s="94">
        <v>8.0891168834028332E-2</v>
      </c>
      <c r="G49" s="173">
        <v>0.57599999999999996</v>
      </c>
      <c r="H49" s="94">
        <v>9.3470622596780309E-2</v>
      </c>
      <c r="I49" s="170">
        <v>107</v>
      </c>
      <c r="J49" s="173">
        <v>0.318</v>
      </c>
      <c r="K49" s="94">
        <v>8.8880991517597985E-2</v>
      </c>
      <c r="L49" s="173">
        <v>0.14899999999999999</v>
      </c>
      <c r="M49" s="94">
        <v>6.98823626819223E-2</v>
      </c>
      <c r="N49" s="173">
        <v>0.53200000000000003</v>
      </c>
      <c r="O49" s="94">
        <v>9.4734997298458801E-2</v>
      </c>
    </row>
    <row r="50" spans="1:15">
      <c r="A50" s="49" t="s">
        <v>447</v>
      </c>
      <c r="B50" s="171">
        <v>90</v>
      </c>
      <c r="C50" s="174">
        <v>0.10299999999999999</v>
      </c>
      <c r="D50" s="97">
        <v>6.7008776058710931E-2</v>
      </c>
      <c r="E50" s="174">
        <v>0.187</v>
      </c>
      <c r="F50" s="97">
        <v>8.2563035236568411E-2</v>
      </c>
      <c r="G50" s="174">
        <v>0.71</v>
      </c>
      <c r="H50" s="97">
        <v>9.4435238723798734E-2</v>
      </c>
      <c r="I50" s="171">
        <v>90</v>
      </c>
      <c r="J50" s="174">
        <v>0.29299999999999998</v>
      </c>
      <c r="K50" s="97">
        <v>9.4693263717050224E-2</v>
      </c>
      <c r="L50" s="174">
        <v>0.23499999999999999</v>
      </c>
      <c r="M50" s="97">
        <v>8.8875823994885514E-2</v>
      </c>
      <c r="N50" s="174">
        <v>0.47199999999999998</v>
      </c>
      <c r="O50" s="97">
        <v>0.10299376220676922</v>
      </c>
    </row>
    <row r="51" spans="1:15" ht="25.5">
      <c r="A51" s="57" t="s">
        <v>448</v>
      </c>
      <c r="B51" s="170">
        <v>127</v>
      </c>
      <c r="C51" s="173">
        <v>0.189</v>
      </c>
      <c r="D51" s="94">
        <v>6.9698466904342393E-2</v>
      </c>
      <c r="E51" s="173">
        <v>0.3</v>
      </c>
      <c r="F51" s="94">
        <v>8.0533612389530551E-2</v>
      </c>
      <c r="G51" s="173">
        <v>0.51100000000000001</v>
      </c>
      <c r="H51" s="94">
        <v>8.7350531268835116E-2</v>
      </c>
      <c r="I51" s="170">
        <v>127</v>
      </c>
      <c r="J51" s="173">
        <v>0.47899999999999998</v>
      </c>
      <c r="K51" s="94">
        <v>8.7297949073582043E-2</v>
      </c>
      <c r="L51" s="173">
        <v>0.19700000000000001</v>
      </c>
      <c r="M51" s="94">
        <v>7.070248571584245E-2</v>
      </c>
      <c r="N51" s="173">
        <v>0.32500000000000001</v>
      </c>
      <c r="O51" s="94">
        <v>8.2187028543775478E-2</v>
      </c>
    </row>
    <row r="52" spans="1:15">
      <c r="A52" s="49" t="s">
        <v>457</v>
      </c>
      <c r="B52" s="171">
        <v>654</v>
      </c>
      <c r="C52" s="174">
        <v>0.17899999999999999</v>
      </c>
      <c r="D52" s="97">
        <v>3.0016000827044632E-2</v>
      </c>
      <c r="E52" s="174">
        <v>0.193</v>
      </c>
      <c r="F52" s="97">
        <v>3.0882993378909804E-2</v>
      </c>
      <c r="G52" s="174">
        <v>0.627</v>
      </c>
      <c r="H52" s="97">
        <v>3.7721302522267373E-2</v>
      </c>
      <c r="I52" s="171">
        <v>650</v>
      </c>
      <c r="J52" s="174">
        <v>0.34100000000000003</v>
      </c>
      <c r="K52" s="97">
        <v>3.7098703126502805E-2</v>
      </c>
      <c r="L52" s="174">
        <v>0.20699999999999999</v>
      </c>
      <c r="M52" s="97">
        <v>3.1786552003603301E-2</v>
      </c>
      <c r="N52" s="174">
        <v>0.45200000000000001</v>
      </c>
      <c r="O52" s="97">
        <v>3.8924697732506758E-2</v>
      </c>
    </row>
    <row r="53" spans="1:15">
      <c r="A53" s="57" t="s">
        <v>449</v>
      </c>
      <c r="B53" s="170">
        <v>123</v>
      </c>
      <c r="C53" s="173">
        <v>0.309</v>
      </c>
      <c r="D53" s="94">
        <v>8.2439350462518712E-2</v>
      </c>
      <c r="E53" s="173">
        <v>0.129</v>
      </c>
      <c r="F53" s="94">
        <v>6.1706125748441393E-2</v>
      </c>
      <c r="G53" s="173">
        <v>0.56200000000000006</v>
      </c>
      <c r="H53" s="94">
        <v>8.8093423651276995E-2</v>
      </c>
      <c r="I53" s="170">
        <v>123</v>
      </c>
      <c r="J53" s="173">
        <v>0.502</v>
      </c>
      <c r="K53" s="94">
        <v>8.8734985066876368E-2</v>
      </c>
      <c r="L53" s="173">
        <v>0.17899999999999999</v>
      </c>
      <c r="M53" s="94">
        <v>6.9497080837603045E-2</v>
      </c>
      <c r="N53" s="173">
        <v>0.31900000000000001</v>
      </c>
      <c r="O53" s="94">
        <v>8.3103234549057464E-2</v>
      </c>
    </row>
    <row r="54" spans="1:15">
      <c r="A54" s="49" t="s">
        <v>450</v>
      </c>
      <c r="B54" s="171">
        <v>96</v>
      </c>
      <c r="C54" s="174">
        <v>0.221</v>
      </c>
      <c r="D54" s="97">
        <v>8.444210665301996E-2</v>
      </c>
      <c r="E54" s="174">
        <v>0.187</v>
      </c>
      <c r="F54" s="97">
        <v>7.9927909918876272E-2</v>
      </c>
      <c r="G54" s="174">
        <v>0.59199999999999997</v>
      </c>
      <c r="H54" s="97">
        <v>9.842755256532594E-2</v>
      </c>
      <c r="I54" s="171">
        <v>96</v>
      </c>
      <c r="J54" s="174">
        <v>0.39500000000000002</v>
      </c>
      <c r="K54" s="97">
        <v>9.7946793719855887E-2</v>
      </c>
      <c r="L54" s="174">
        <v>0.11799999999999999</v>
      </c>
      <c r="M54" s="97">
        <v>6.7975419557366468E-2</v>
      </c>
      <c r="N54" s="174">
        <v>0.48699999999999999</v>
      </c>
      <c r="O54" s="97">
        <v>9.9968845066850706E-2</v>
      </c>
    </row>
    <row r="55" spans="1:15" ht="25.5">
      <c r="A55" s="57" t="s">
        <v>451</v>
      </c>
      <c r="B55" s="170">
        <v>165</v>
      </c>
      <c r="C55" s="173">
        <v>0.182</v>
      </c>
      <c r="D55" s="94">
        <v>6.029636565415368E-2</v>
      </c>
      <c r="E55" s="173">
        <v>0.156</v>
      </c>
      <c r="F55" s="94">
        <v>5.6985290697381959E-2</v>
      </c>
      <c r="G55" s="173">
        <v>0.66200000000000003</v>
      </c>
      <c r="H55" s="94">
        <v>7.2972981547869339E-2</v>
      </c>
      <c r="I55" s="170">
        <v>165</v>
      </c>
      <c r="J55" s="173">
        <v>0.36299999999999999</v>
      </c>
      <c r="K55" s="94">
        <v>7.4119519487867352E-2</v>
      </c>
      <c r="L55" s="173">
        <v>0.186</v>
      </c>
      <c r="M55" s="94">
        <v>6.0767484366689231E-2</v>
      </c>
      <c r="N55" s="173">
        <v>0.45100000000000001</v>
      </c>
      <c r="O55" s="94">
        <v>7.6570161468477019E-2</v>
      </c>
    </row>
    <row r="56" spans="1:15">
      <c r="A56" s="49" t="s">
        <v>452</v>
      </c>
      <c r="B56" s="171">
        <v>75</v>
      </c>
      <c r="C56" s="174">
        <v>0.20699999999999999</v>
      </c>
      <c r="D56" s="97">
        <v>9.3490534077153506E-2</v>
      </c>
      <c r="E56" s="174">
        <v>0.157</v>
      </c>
      <c r="F56" s="97">
        <v>8.5377258709297008E-2</v>
      </c>
      <c r="G56" s="174">
        <v>0.63600000000000001</v>
      </c>
      <c r="H56" s="97">
        <v>0.10869294682466865</v>
      </c>
      <c r="I56" s="171">
        <v>74</v>
      </c>
      <c r="J56" s="174">
        <v>0.25700000000000001</v>
      </c>
      <c r="K56" s="97">
        <v>0.1004737541316469</v>
      </c>
      <c r="L56" s="174">
        <v>0.30199999999999999</v>
      </c>
      <c r="M56" s="97">
        <v>0.10493314660130824</v>
      </c>
      <c r="N56" s="174">
        <v>0.442</v>
      </c>
      <c r="O56" s="97">
        <v>0.11253994819612058</v>
      </c>
    </row>
    <row r="57" spans="1:15">
      <c r="A57" s="57" t="s">
        <v>453</v>
      </c>
      <c r="B57" s="170">
        <v>80</v>
      </c>
      <c r="C57" s="173">
        <v>0.14699999999999999</v>
      </c>
      <c r="D57" s="94">
        <v>8.0763017148887326E-2</v>
      </c>
      <c r="E57" s="173">
        <v>0.26400000000000001</v>
      </c>
      <c r="F57" s="94">
        <v>9.7463567348889141E-2</v>
      </c>
      <c r="G57" s="173">
        <v>0.58899999999999997</v>
      </c>
      <c r="H57" s="94">
        <v>0.10752971228392418</v>
      </c>
      <c r="I57" s="170">
        <v>79</v>
      </c>
      <c r="J57" s="173">
        <v>0.192</v>
      </c>
      <c r="K57" s="94">
        <v>8.8918317013488304E-2</v>
      </c>
      <c r="L57" s="173">
        <v>0.255</v>
      </c>
      <c r="M57" s="94">
        <v>9.7095439698853162E-2</v>
      </c>
      <c r="N57" s="173">
        <v>0.55300000000000005</v>
      </c>
      <c r="O57" s="94">
        <v>0.10920417992885957</v>
      </c>
    </row>
    <row r="58" spans="1:15">
      <c r="A58" s="49" t="s">
        <v>454</v>
      </c>
      <c r="B58" s="171">
        <v>115</v>
      </c>
      <c r="C58" s="174">
        <v>7.6999999999999999E-2</v>
      </c>
      <c r="D58" s="97">
        <v>5.2787086195261929E-2</v>
      </c>
      <c r="E58" s="174">
        <v>0.24</v>
      </c>
      <c r="F58" s="97">
        <v>7.9254543443351075E-2</v>
      </c>
      <c r="G58" s="174">
        <v>0.68200000000000005</v>
      </c>
      <c r="H58" s="97">
        <v>8.5811087787984353E-2</v>
      </c>
      <c r="I58" s="171">
        <v>113</v>
      </c>
      <c r="J58" s="174">
        <v>0.30599999999999999</v>
      </c>
      <c r="K58" s="97">
        <v>8.571337885109595E-2</v>
      </c>
      <c r="L58" s="174">
        <v>0.248</v>
      </c>
      <c r="M58" s="97">
        <v>8.0757932900077559E-2</v>
      </c>
      <c r="N58" s="174">
        <v>0.44600000000000001</v>
      </c>
      <c r="O58" s="97">
        <v>9.194572466859377E-2</v>
      </c>
    </row>
    <row r="61" spans="1:15" ht="18.75">
      <c r="A61" s="321" t="s">
        <v>264</v>
      </c>
      <c r="B61" s="321"/>
      <c r="C61" s="321"/>
      <c r="D61" s="321"/>
    </row>
    <row r="62" spans="1:15" ht="112.5" customHeight="1">
      <c r="A62" s="383" t="s">
        <v>315</v>
      </c>
      <c r="B62" s="383"/>
      <c r="C62" s="383"/>
      <c r="D62" s="383"/>
    </row>
    <row r="63" spans="1:15" ht="39" customHeight="1">
      <c r="A63" s="371" t="s">
        <v>265</v>
      </c>
      <c r="B63" s="371"/>
      <c r="C63" s="371"/>
      <c r="D63" s="371"/>
    </row>
    <row r="64" spans="1:15" ht="39" customHeight="1">
      <c r="A64" s="37" t="s">
        <v>85</v>
      </c>
      <c r="B64" s="38" t="s">
        <v>86</v>
      </c>
      <c r="C64" s="39" t="s">
        <v>87</v>
      </c>
      <c r="D64" s="40" t="s">
        <v>88</v>
      </c>
    </row>
    <row r="65" spans="1:4" ht="72">
      <c r="A65" s="41"/>
      <c r="B65" s="42" t="s">
        <v>89</v>
      </c>
      <c r="C65" s="128" t="s">
        <v>153</v>
      </c>
      <c r="D65" s="44" t="s">
        <v>91</v>
      </c>
    </row>
    <row r="66" spans="1:4">
      <c r="A66" s="45" t="s">
        <v>436</v>
      </c>
      <c r="B66" s="175">
        <v>8617</v>
      </c>
      <c r="C66" s="84">
        <v>2.95</v>
      </c>
      <c r="D66" s="85">
        <v>3.9199999999999999E-2</v>
      </c>
    </row>
    <row r="67" spans="1:4">
      <c r="A67" s="49" t="s">
        <v>437</v>
      </c>
      <c r="B67" s="49">
        <v>7922</v>
      </c>
      <c r="C67" s="178">
        <v>2.9209130000000001</v>
      </c>
      <c r="D67" s="179">
        <v>3.6213352000000004E-2</v>
      </c>
    </row>
    <row r="68" spans="1:4">
      <c r="A68" s="45" t="s">
        <v>438</v>
      </c>
      <c r="B68" s="53">
        <v>777</v>
      </c>
      <c r="C68" s="84">
        <v>2.64</v>
      </c>
      <c r="D68" s="85">
        <v>0.1176</v>
      </c>
    </row>
    <row r="69" spans="1:4">
      <c r="A69" s="49" t="s">
        <v>439</v>
      </c>
      <c r="B69" s="49">
        <v>3272</v>
      </c>
      <c r="C69" s="178">
        <v>3.03</v>
      </c>
      <c r="D69" s="179">
        <v>5.8799999999999998E-2</v>
      </c>
    </row>
    <row r="70" spans="1:4">
      <c r="A70" s="45" t="s">
        <v>440</v>
      </c>
      <c r="B70" s="53">
        <v>3037</v>
      </c>
      <c r="C70" s="84">
        <v>3.08</v>
      </c>
      <c r="D70" s="85">
        <v>5.8799999999999998E-2</v>
      </c>
    </row>
    <row r="71" spans="1:4">
      <c r="A71" s="49" t="s">
        <v>455</v>
      </c>
      <c r="B71" s="49">
        <v>524</v>
      </c>
      <c r="C71" s="178">
        <v>3.11</v>
      </c>
      <c r="D71" s="179">
        <v>0.15679999999999999</v>
      </c>
    </row>
    <row r="72" spans="1:4">
      <c r="A72" s="45" t="s">
        <v>441</v>
      </c>
      <c r="B72" s="53">
        <v>106</v>
      </c>
      <c r="C72" s="84">
        <v>3.04</v>
      </c>
      <c r="D72" s="85">
        <v>0.31359999999999999</v>
      </c>
    </row>
    <row r="73" spans="1:4">
      <c r="A73" s="49" t="s">
        <v>442</v>
      </c>
      <c r="B73" s="49">
        <v>162</v>
      </c>
      <c r="C73" s="178">
        <v>3.06</v>
      </c>
      <c r="D73" s="179">
        <v>0.27440000000000003</v>
      </c>
    </row>
    <row r="74" spans="1:4">
      <c r="A74" s="45" t="s">
        <v>443</v>
      </c>
      <c r="B74" s="53">
        <v>123</v>
      </c>
      <c r="C74" s="84">
        <v>3.23</v>
      </c>
      <c r="D74" s="85">
        <v>0.31359999999999999</v>
      </c>
    </row>
    <row r="75" spans="1:4">
      <c r="A75" s="49" t="s">
        <v>444</v>
      </c>
      <c r="B75" s="49">
        <v>133</v>
      </c>
      <c r="C75" s="178">
        <v>3.12</v>
      </c>
      <c r="D75" s="179">
        <v>0.29399999999999998</v>
      </c>
    </row>
    <row r="76" spans="1:4">
      <c r="A76" s="45" t="s">
        <v>456</v>
      </c>
      <c r="B76" s="175">
        <v>482</v>
      </c>
      <c r="C76" s="84">
        <v>2.89</v>
      </c>
      <c r="D76" s="85">
        <v>0.15679999999999999</v>
      </c>
    </row>
    <row r="77" spans="1:4" ht="25.5">
      <c r="A77" s="49" t="s">
        <v>445</v>
      </c>
      <c r="B77" s="177">
        <v>157</v>
      </c>
      <c r="C77" s="178">
        <v>2.86</v>
      </c>
      <c r="D77" s="179">
        <v>0.27440000000000003</v>
      </c>
    </row>
    <row r="78" spans="1:4">
      <c r="A78" s="45" t="s">
        <v>446</v>
      </c>
      <c r="B78" s="83">
        <v>108</v>
      </c>
      <c r="C78" s="84">
        <v>2.85</v>
      </c>
      <c r="D78" s="85">
        <v>0.31359999999999999</v>
      </c>
    </row>
    <row r="79" spans="1:4">
      <c r="A79" s="49" t="s">
        <v>447</v>
      </c>
      <c r="B79" s="177">
        <v>90</v>
      </c>
      <c r="C79" s="178">
        <v>2.46</v>
      </c>
      <c r="D79" s="179">
        <v>0.31359999999999999</v>
      </c>
    </row>
    <row r="80" spans="1:4" ht="25.5">
      <c r="A80" s="57" t="s">
        <v>448</v>
      </c>
      <c r="B80" s="175">
        <v>127</v>
      </c>
      <c r="C80" s="84">
        <v>3.51</v>
      </c>
      <c r="D80" s="85">
        <v>0.29399999999999998</v>
      </c>
    </row>
    <row r="81" spans="1:30">
      <c r="A81" s="49" t="s">
        <v>457</v>
      </c>
      <c r="B81" s="177">
        <v>654</v>
      </c>
      <c r="C81" s="178">
        <v>3.13</v>
      </c>
      <c r="D81" s="179">
        <v>0.13720000000000002</v>
      </c>
    </row>
    <row r="82" spans="1:30">
      <c r="A82" s="57" t="s">
        <v>449</v>
      </c>
      <c r="B82" s="175">
        <v>123</v>
      </c>
      <c r="C82" s="84">
        <v>3.5</v>
      </c>
      <c r="D82" s="85">
        <v>0.3332</v>
      </c>
    </row>
    <row r="83" spans="1:30">
      <c r="A83" s="49" t="s">
        <v>450</v>
      </c>
      <c r="B83" s="177">
        <v>96</v>
      </c>
      <c r="C83" s="178">
        <v>2.61</v>
      </c>
      <c r="D83" s="179">
        <v>0.31359999999999999</v>
      </c>
    </row>
    <row r="84" spans="1:30" ht="25.5">
      <c r="A84" s="57" t="s">
        <v>451</v>
      </c>
      <c r="B84" s="175">
        <v>165</v>
      </c>
      <c r="C84" s="84">
        <v>2.8</v>
      </c>
      <c r="D84" s="85">
        <v>0.25480000000000003</v>
      </c>
    </row>
    <row r="85" spans="1:30">
      <c r="A85" s="49" t="s">
        <v>452</v>
      </c>
      <c r="B85" s="177">
        <v>75</v>
      </c>
      <c r="C85" s="178">
        <v>3.65</v>
      </c>
      <c r="D85" s="179">
        <v>0.43119999999999997</v>
      </c>
      <c r="P85" s="257"/>
      <c r="Q85" s="257"/>
      <c r="R85" s="257"/>
      <c r="S85" s="257"/>
      <c r="T85" s="257"/>
      <c r="U85" s="257"/>
      <c r="V85" s="257"/>
      <c r="W85" s="257"/>
      <c r="X85" s="257"/>
      <c r="Y85" s="257"/>
      <c r="Z85" s="257"/>
      <c r="AA85" s="257"/>
      <c r="AB85" s="257"/>
      <c r="AC85" s="257"/>
      <c r="AD85" s="257"/>
    </row>
    <row r="86" spans="1:30">
      <c r="A86" s="57" t="s">
        <v>453</v>
      </c>
      <c r="B86" s="175">
        <v>80</v>
      </c>
      <c r="C86" s="84">
        <v>3.6</v>
      </c>
      <c r="D86" s="85">
        <v>0.39200000000000002</v>
      </c>
      <c r="P86" s="257"/>
      <c r="Q86" s="257"/>
      <c r="R86" s="257"/>
      <c r="S86" s="257"/>
      <c r="T86" s="257"/>
      <c r="U86" s="257"/>
      <c r="V86" s="257"/>
      <c r="W86" s="257"/>
      <c r="X86" s="257"/>
      <c r="Y86" s="257"/>
      <c r="Z86" s="257"/>
      <c r="AA86" s="257"/>
      <c r="AB86" s="257"/>
      <c r="AC86" s="257"/>
      <c r="AD86" s="257"/>
    </row>
    <row r="87" spans="1:30">
      <c r="A87" s="49" t="s">
        <v>454</v>
      </c>
      <c r="B87" s="177">
        <v>115</v>
      </c>
      <c r="C87" s="178">
        <v>3.14</v>
      </c>
      <c r="D87" s="179">
        <v>0.31359999999999999</v>
      </c>
      <c r="P87" s="257"/>
      <c r="Q87" s="257"/>
      <c r="R87" s="257"/>
      <c r="S87" s="257"/>
      <c r="T87" s="257"/>
      <c r="U87" s="257"/>
      <c r="V87" s="257"/>
      <c r="W87" s="257"/>
      <c r="X87" s="257"/>
      <c r="Y87" s="257"/>
      <c r="Z87" s="257"/>
      <c r="AA87" s="257"/>
      <c r="AB87" s="257"/>
      <c r="AC87" s="257"/>
      <c r="AD87" s="257"/>
    </row>
    <row r="88" spans="1:30">
      <c r="P88" s="257"/>
      <c r="Q88" s="257"/>
      <c r="R88" s="257"/>
      <c r="S88" s="257"/>
      <c r="T88" s="257"/>
      <c r="U88" s="257"/>
      <c r="V88" s="257"/>
      <c r="W88" s="257"/>
      <c r="X88" s="257"/>
      <c r="Y88" s="257"/>
      <c r="Z88" s="257"/>
      <c r="AA88" s="257"/>
      <c r="AB88" s="257"/>
      <c r="AC88" s="257"/>
      <c r="AD88" s="257"/>
    </row>
    <row r="89" spans="1:30">
      <c r="P89" s="257"/>
      <c r="Q89" s="257"/>
      <c r="R89" s="257"/>
      <c r="S89" s="257"/>
      <c r="T89" s="257"/>
      <c r="U89" s="257"/>
      <c r="V89" s="257"/>
      <c r="W89" s="257"/>
      <c r="X89" s="257"/>
      <c r="Y89" s="257"/>
      <c r="Z89" s="257"/>
      <c r="AA89" s="257"/>
      <c r="AB89" s="257"/>
      <c r="AC89" s="257"/>
      <c r="AD89" s="257"/>
    </row>
    <row r="90" spans="1:30" ht="18.75">
      <c r="A90" s="322" t="s">
        <v>47</v>
      </c>
      <c r="B90" s="322"/>
      <c r="C90" s="322"/>
      <c r="D90" s="322"/>
      <c r="E90" s="322"/>
      <c r="F90" s="322"/>
      <c r="G90" s="322"/>
      <c r="H90" s="322"/>
      <c r="I90" s="322"/>
      <c r="J90" s="322"/>
      <c r="K90" s="322"/>
      <c r="L90" s="322"/>
      <c r="M90" s="322"/>
      <c r="N90" s="322"/>
      <c r="O90" s="322"/>
      <c r="P90" s="227"/>
      <c r="Q90" s="227"/>
      <c r="R90" s="227"/>
      <c r="S90" s="227"/>
      <c r="T90" s="227"/>
      <c r="U90" s="227"/>
      <c r="V90" s="227"/>
      <c r="W90" s="227"/>
      <c r="X90" s="227"/>
      <c r="Y90" s="227"/>
      <c r="Z90" s="227"/>
      <c r="AA90" s="227"/>
      <c r="AB90" s="227"/>
      <c r="AC90" s="227"/>
      <c r="AD90" s="257"/>
    </row>
    <row r="91" spans="1:30" ht="65.25" customHeight="1">
      <c r="A91" s="384" t="s">
        <v>316</v>
      </c>
      <c r="B91" s="384"/>
      <c r="C91" s="384"/>
      <c r="D91" s="384"/>
      <c r="E91" s="384"/>
      <c r="F91" s="384"/>
      <c r="G91" s="384"/>
      <c r="H91" s="384"/>
      <c r="I91" s="384"/>
      <c r="J91" s="384"/>
      <c r="K91" s="384"/>
      <c r="L91" s="384"/>
      <c r="M91" s="384"/>
      <c r="N91" s="384"/>
      <c r="O91" s="384"/>
      <c r="P91" s="253"/>
      <c r="Q91" s="253"/>
      <c r="R91" s="253"/>
      <c r="S91" s="253"/>
      <c r="T91" s="253"/>
      <c r="U91" s="253"/>
      <c r="V91" s="253"/>
      <c r="W91" s="253"/>
      <c r="X91" s="253"/>
      <c r="Y91" s="253"/>
      <c r="Z91" s="253"/>
      <c r="AA91" s="253"/>
      <c r="AB91" s="253"/>
      <c r="AC91" s="253"/>
      <c r="AD91" s="257"/>
    </row>
    <row r="92" spans="1:30" ht="38.25" customHeight="1">
      <c r="A92" s="64"/>
      <c r="B92" s="360" t="s">
        <v>241</v>
      </c>
      <c r="C92" s="360"/>
      <c r="D92" s="360"/>
      <c r="E92" s="360"/>
      <c r="F92" s="360"/>
      <c r="G92" s="360"/>
      <c r="H92" s="360"/>
      <c r="I92" s="360" t="s">
        <v>242</v>
      </c>
      <c r="J92" s="360"/>
      <c r="K92" s="360"/>
      <c r="L92" s="360"/>
      <c r="M92" s="360"/>
      <c r="N92" s="360"/>
      <c r="O92" s="360"/>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6</v>
      </c>
      <c r="B95" s="175">
        <v>8564</v>
      </c>
      <c r="C95" s="180">
        <v>0.64300000000000002</v>
      </c>
      <c r="D95" s="94">
        <v>1.0352563855930568E-2</v>
      </c>
      <c r="E95" s="180">
        <v>8.2000000000000003E-2</v>
      </c>
      <c r="F95" s="94">
        <v>5.9345599913928392E-3</v>
      </c>
      <c r="G95" s="180">
        <v>0.27500000000000002</v>
      </c>
      <c r="H95" s="94">
        <v>9.6488839108659491E-3</v>
      </c>
      <c r="I95" s="175">
        <v>8575</v>
      </c>
      <c r="J95" s="180">
        <v>0.623</v>
      </c>
      <c r="K95" s="94">
        <v>1.0465004033900629E-2</v>
      </c>
      <c r="L95" s="180">
        <v>9.9000000000000005E-2</v>
      </c>
      <c r="M95" s="94">
        <v>6.4544062888594756E-3</v>
      </c>
      <c r="N95" s="180">
        <v>0.27900000000000003</v>
      </c>
      <c r="O95" s="94">
        <v>9.6856895190340735E-3</v>
      </c>
    </row>
    <row r="96" spans="1:30">
      <c r="A96" s="49" t="s">
        <v>437</v>
      </c>
      <c r="B96" s="177">
        <v>7972</v>
      </c>
      <c r="C96" s="181">
        <v>0.62339999999999995</v>
      </c>
      <c r="D96" s="97">
        <v>1.0851133399942283E-2</v>
      </c>
      <c r="E96" s="181">
        <v>0.1008</v>
      </c>
      <c r="F96" s="97">
        <v>6.7480507263889171E-3</v>
      </c>
      <c r="G96" s="181">
        <v>0.27579999999999999</v>
      </c>
      <c r="H96" s="97">
        <v>1.0009643400605403E-2</v>
      </c>
      <c r="I96" s="177">
        <v>7963</v>
      </c>
      <c r="J96" s="181">
        <v>0.65549999999999997</v>
      </c>
      <c r="K96" s="97">
        <v>1.0648462088641538E-2</v>
      </c>
      <c r="L96" s="181">
        <v>7.5700000000000003E-2</v>
      </c>
      <c r="M96" s="97">
        <v>5.9346781356819272E-3</v>
      </c>
      <c r="N96" s="181">
        <v>0.26879999999999998</v>
      </c>
      <c r="O96" s="97">
        <v>9.9351536580892571E-3</v>
      </c>
    </row>
    <row r="97" spans="1:15">
      <c r="A97" s="45" t="s">
        <v>438</v>
      </c>
      <c r="B97" s="175">
        <v>772</v>
      </c>
      <c r="C97" s="180">
        <v>0.76060000000000005</v>
      </c>
      <c r="D97" s="94">
        <v>3.0695206228583287E-2</v>
      </c>
      <c r="E97" s="180">
        <v>7.4899999999999994E-2</v>
      </c>
      <c r="F97" s="94">
        <v>1.9150540122356226E-2</v>
      </c>
      <c r="G97" s="180">
        <v>0.16450000000000001</v>
      </c>
      <c r="H97" s="94">
        <v>2.6728606840815954E-2</v>
      </c>
      <c r="I97" s="175">
        <v>775</v>
      </c>
      <c r="J97" s="180">
        <v>0.64800000000000002</v>
      </c>
      <c r="K97" s="94">
        <v>3.4239987228942073E-2</v>
      </c>
      <c r="L97" s="180">
        <v>8.3000000000000004E-2</v>
      </c>
      <c r="M97" s="94">
        <v>1.9998996329259174E-2</v>
      </c>
      <c r="N97" s="180">
        <v>0.26900000000000002</v>
      </c>
      <c r="O97" s="94">
        <v>3.1819903020326883E-2</v>
      </c>
    </row>
    <row r="98" spans="1:15">
      <c r="A98" s="49" t="s">
        <v>439</v>
      </c>
      <c r="B98" s="177">
        <v>3245</v>
      </c>
      <c r="C98" s="181">
        <v>0.61599999999999999</v>
      </c>
      <c r="D98" s="97">
        <v>1.7066383605851769E-2</v>
      </c>
      <c r="E98" s="181">
        <v>0.08</v>
      </c>
      <c r="F98" s="97">
        <v>9.5470893436513608E-3</v>
      </c>
      <c r="G98" s="181">
        <v>0.30299999999999999</v>
      </c>
      <c r="H98" s="97">
        <v>1.6128389939796161E-2</v>
      </c>
      <c r="I98" s="177">
        <v>3252</v>
      </c>
      <c r="J98" s="181">
        <v>0.621</v>
      </c>
      <c r="K98" s="97">
        <v>1.7005381099370599E-2</v>
      </c>
      <c r="L98" s="181">
        <v>8.8999999999999996E-2</v>
      </c>
      <c r="M98" s="97">
        <v>1.0005759052592378E-2</v>
      </c>
      <c r="N98" s="181">
        <v>0.28999999999999998</v>
      </c>
      <c r="O98" s="97">
        <v>1.5908533369561991E-2</v>
      </c>
    </row>
    <row r="99" spans="1:15">
      <c r="A99" s="45" t="s">
        <v>440</v>
      </c>
      <c r="B99" s="175">
        <v>3018</v>
      </c>
      <c r="C99" s="180">
        <v>0.60799999999999998</v>
      </c>
      <c r="D99" s="94">
        <v>1.7762565844298885E-2</v>
      </c>
      <c r="E99" s="180">
        <v>9.2999999999999999E-2</v>
      </c>
      <c r="F99" s="94">
        <v>1.0593832394956064E-2</v>
      </c>
      <c r="G99" s="180">
        <v>0.29899999999999999</v>
      </c>
      <c r="H99" s="94"/>
      <c r="I99" s="175">
        <v>3012</v>
      </c>
      <c r="J99" s="180">
        <v>0.60799999999999998</v>
      </c>
      <c r="K99" s="94">
        <v>1.7780227688413225E-2</v>
      </c>
      <c r="L99" s="180">
        <v>7.6999999999999999E-2</v>
      </c>
      <c r="M99" s="94">
        <v>9.7410298805027558E-3</v>
      </c>
      <c r="N99" s="180">
        <v>0.316</v>
      </c>
      <c r="O99" s="94">
        <v>1.6934643605963473E-2</v>
      </c>
    </row>
    <row r="100" spans="1:15">
      <c r="A100" s="49" t="s">
        <v>455</v>
      </c>
      <c r="B100" s="177">
        <v>518</v>
      </c>
      <c r="C100" s="181">
        <v>0.58399999999999996</v>
      </c>
      <c r="D100" s="97">
        <v>4.3156289402762796E-2</v>
      </c>
      <c r="E100" s="181">
        <v>0.10199999999999999</v>
      </c>
      <c r="F100" s="97">
        <v>2.6840574617719739E-2</v>
      </c>
      <c r="G100" s="181">
        <v>0.314</v>
      </c>
      <c r="H100" s="97">
        <v>4.0677422305989322E-2</v>
      </c>
      <c r="I100" s="177">
        <v>523</v>
      </c>
      <c r="J100" s="181">
        <v>0.63900000000000001</v>
      </c>
      <c r="K100" s="97">
        <v>4.1870060569891933E-2</v>
      </c>
      <c r="L100" s="181">
        <v>6.2E-2</v>
      </c>
      <c r="M100" s="97">
        <v>2.152747518166246E-2</v>
      </c>
      <c r="N100" s="181">
        <v>0.29799999999999999</v>
      </c>
      <c r="O100" s="97">
        <v>3.9906253031545387E-2</v>
      </c>
    </row>
    <row r="101" spans="1:15">
      <c r="A101" s="45" t="s">
        <v>441</v>
      </c>
      <c r="B101" s="175">
        <v>105</v>
      </c>
      <c r="C101" s="180">
        <v>0.68</v>
      </c>
      <c r="D101" s="94">
        <v>8.9838662517621293E-2</v>
      </c>
      <c r="E101" s="180">
        <v>4.2999999999999997E-2</v>
      </c>
      <c r="F101" s="94">
        <v>4.5412730112191622E-2</v>
      </c>
      <c r="G101" s="180">
        <v>0.27700000000000002</v>
      </c>
      <c r="H101" s="94">
        <v>8.6492056254082753E-2</v>
      </c>
      <c r="I101" s="175">
        <v>106</v>
      </c>
      <c r="J101" s="180">
        <v>0.61099999999999999</v>
      </c>
      <c r="K101" s="94">
        <v>9.3138953962905779E-2</v>
      </c>
      <c r="L101" s="180">
        <v>5.8000000000000003E-2</v>
      </c>
      <c r="M101" s="94">
        <v>4.9940312864315585E-2</v>
      </c>
      <c r="N101" s="180">
        <v>0.33100000000000002</v>
      </c>
      <c r="O101" s="94">
        <v>9.0147030813765239E-2</v>
      </c>
    </row>
    <row r="102" spans="1:15">
      <c r="A102" s="49" t="s">
        <v>442</v>
      </c>
      <c r="B102" s="177">
        <v>160</v>
      </c>
      <c r="C102" s="181">
        <v>0.60299999999999998</v>
      </c>
      <c r="D102" s="97">
        <v>7.649361539925123E-2</v>
      </c>
      <c r="E102" s="181">
        <v>8.7999999999999995E-2</v>
      </c>
      <c r="F102" s="97">
        <v>4.644304593187995E-2</v>
      </c>
      <c r="G102" s="181">
        <v>0.31</v>
      </c>
      <c r="H102" s="97">
        <v>7.252241037951429E-2</v>
      </c>
      <c r="I102" s="177">
        <v>162</v>
      </c>
      <c r="J102" s="181">
        <v>0.66400000000000003</v>
      </c>
      <c r="K102" s="97">
        <v>7.353133517615594E-2</v>
      </c>
      <c r="L102" s="181">
        <v>7.4999999999999997E-2</v>
      </c>
      <c r="M102" s="97">
        <v>4.3346444646916574E-2</v>
      </c>
      <c r="N102" s="181">
        <v>0.26100000000000001</v>
      </c>
      <c r="O102" s="97">
        <v>6.8652899056854816E-2</v>
      </c>
    </row>
    <row r="103" spans="1:15">
      <c r="A103" s="45" t="s">
        <v>443</v>
      </c>
      <c r="B103" s="175">
        <v>122</v>
      </c>
      <c r="C103" s="180">
        <v>0.56200000000000006</v>
      </c>
      <c r="D103" s="94">
        <v>8.8442643860099771E-2</v>
      </c>
      <c r="E103" s="180">
        <v>0.153</v>
      </c>
      <c r="F103" s="94">
        <v>6.5976105923645306E-2</v>
      </c>
      <c r="G103" s="180">
        <v>0.28499999999999998</v>
      </c>
      <c r="H103" s="94">
        <v>8.0998399865264151E-2</v>
      </c>
      <c r="I103" s="175">
        <v>122</v>
      </c>
      <c r="J103" s="180">
        <v>0.60299999999999998</v>
      </c>
      <c r="K103" s="94">
        <v>8.7296956335177839E-2</v>
      </c>
      <c r="L103" s="180">
        <v>3.4000000000000002E-2</v>
      </c>
      <c r="M103" s="94">
        <v>3.8385194912108671E-2</v>
      </c>
      <c r="N103" s="180">
        <v>0.36299999999999999</v>
      </c>
      <c r="O103" s="94">
        <v>8.5894687631399541E-2</v>
      </c>
    </row>
    <row r="104" spans="1:15">
      <c r="A104" s="49" t="s">
        <v>444</v>
      </c>
      <c r="B104" s="177">
        <v>131</v>
      </c>
      <c r="C104" s="181">
        <v>0.52600000000000002</v>
      </c>
      <c r="D104" s="97">
        <v>8.59566584650749E-2</v>
      </c>
      <c r="E104" s="181">
        <v>0.11600000000000001</v>
      </c>
      <c r="F104" s="97">
        <v>5.7388262964728466E-2</v>
      </c>
      <c r="G104" s="181">
        <v>0.35699999999999998</v>
      </c>
      <c r="H104" s="97">
        <v>8.2685453082145505E-2</v>
      </c>
      <c r="I104" s="177">
        <v>133</v>
      </c>
      <c r="J104" s="181">
        <v>0.65100000000000002</v>
      </c>
      <c r="K104" s="97">
        <v>8.1681419252177145E-2</v>
      </c>
      <c r="L104" s="181">
        <v>6.9000000000000006E-2</v>
      </c>
      <c r="M104" s="97">
        <v>4.6772629739894232E-2</v>
      </c>
      <c r="N104" s="181">
        <v>0.28000000000000003</v>
      </c>
      <c r="O104" s="97">
        <v>7.7249244505049233E-2</v>
      </c>
    </row>
    <row r="105" spans="1:15">
      <c r="A105" s="45" t="s">
        <v>456</v>
      </c>
      <c r="B105" s="175">
        <v>479</v>
      </c>
      <c r="C105" s="180">
        <v>0.627</v>
      </c>
      <c r="D105" s="94">
        <v>4.4034340147304736E-2</v>
      </c>
      <c r="E105" s="180">
        <v>9.8000000000000004E-2</v>
      </c>
      <c r="F105" s="94">
        <v>2.7461486267653077E-2</v>
      </c>
      <c r="G105" s="180">
        <v>0.27500000000000002</v>
      </c>
      <c r="H105" s="94">
        <v>4.0719210927255438E-2</v>
      </c>
      <c r="I105" s="175">
        <v>478</v>
      </c>
      <c r="J105" s="180">
        <v>0.63100000000000001</v>
      </c>
      <c r="K105" s="94">
        <v>4.3984403875754877E-2</v>
      </c>
      <c r="L105" s="180">
        <v>0.109</v>
      </c>
      <c r="M105" s="94">
        <v>2.8756513268376291E-2</v>
      </c>
      <c r="N105" s="180">
        <v>0.26</v>
      </c>
      <c r="O105" s="94">
        <v>4.0057225634179495E-2</v>
      </c>
    </row>
    <row r="106" spans="1:15" ht="25.5">
      <c r="A106" s="49" t="s">
        <v>445</v>
      </c>
      <c r="B106" s="177">
        <v>156</v>
      </c>
      <c r="C106" s="181">
        <v>0.63700000000000001</v>
      </c>
      <c r="D106" s="97">
        <v>7.6183613621139026E-2</v>
      </c>
      <c r="E106" s="181">
        <v>9.0999999999999998E-2</v>
      </c>
      <c r="F106" s="97">
        <v>4.7691325043187877E-2</v>
      </c>
      <c r="G106" s="181">
        <v>0.27100000000000002</v>
      </c>
      <c r="H106" s="97">
        <v>7.0736884716355725E-2</v>
      </c>
      <c r="I106" s="177">
        <v>155</v>
      </c>
      <c r="J106" s="181">
        <v>0.64300000000000002</v>
      </c>
      <c r="K106" s="97">
        <v>7.6160528678273012E-2</v>
      </c>
      <c r="L106" s="181">
        <v>9.2999999999999999E-2</v>
      </c>
      <c r="M106" s="97">
        <v>4.8260483955874643E-2</v>
      </c>
      <c r="N106" s="181">
        <v>0.26500000000000001</v>
      </c>
      <c r="O106" s="97">
        <v>7.049129750527923E-2</v>
      </c>
    </row>
    <row r="107" spans="1:15">
      <c r="A107" s="45" t="s">
        <v>446</v>
      </c>
      <c r="B107" s="175">
        <v>107</v>
      </c>
      <c r="C107" s="180">
        <v>0.55300000000000005</v>
      </c>
      <c r="D107" s="94">
        <v>9.4419001503140046E-2</v>
      </c>
      <c r="E107" s="180">
        <v>0.17599999999999999</v>
      </c>
      <c r="F107" s="94">
        <v>7.4120310388481492E-2</v>
      </c>
      <c r="G107" s="180">
        <v>0.27200000000000002</v>
      </c>
      <c r="H107" s="94">
        <v>8.5254275396357368E-2</v>
      </c>
      <c r="I107" s="175">
        <v>107</v>
      </c>
      <c r="J107" s="180">
        <v>0.73</v>
      </c>
      <c r="K107" s="94">
        <v>8.5074194834048975E-2</v>
      </c>
      <c r="L107" s="180">
        <v>0.02</v>
      </c>
      <c r="M107" s="94">
        <v>3.5971063902203004E-2</v>
      </c>
      <c r="N107" s="180">
        <v>0.25</v>
      </c>
      <c r="O107" s="94">
        <v>8.3163432335855186E-2</v>
      </c>
    </row>
    <row r="108" spans="1:15">
      <c r="A108" s="49" t="s">
        <v>447</v>
      </c>
      <c r="B108" s="177">
        <v>90</v>
      </c>
      <c r="C108" s="181">
        <v>0.75600000000000001</v>
      </c>
      <c r="D108" s="97">
        <v>8.9898964806736592E-2</v>
      </c>
      <c r="E108" s="181">
        <v>3.5999999999999997E-2</v>
      </c>
      <c r="F108" s="97">
        <v>4.7327384636227245E-2</v>
      </c>
      <c r="G108" s="181">
        <v>0.20799999999999999</v>
      </c>
      <c r="H108" s="97">
        <v>8.5511755268769626E-2</v>
      </c>
      <c r="I108" s="177">
        <v>90</v>
      </c>
      <c r="J108" s="181">
        <v>0.64800000000000002</v>
      </c>
      <c r="K108" s="97">
        <v>9.8913352801403301E-2</v>
      </c>
      <c r="L108" s="181">
        <v>0.187</v>
      </c>
      <c r="M108" s="97">
        <v>8.2563035236568411E-2</v>
      </c>
      <c r="N108" s="181">
        <v>0.16400000000000001</v>
      </c>
      <c r="O108" s="97">
        <v>7.8958039235851929E-2</v>
      </c>
    </row>
    <row r="109" spans="1:15" ht="25.5">
      <c r="A109" s="57" t="s">
        <v>448</v>
      </c>
      <c r="B109" s="175">
        <v>126</v>
      </c>
      <c r="C109" s="180">
        <v>0.55900000000000005</v>
      </c>
      <c r="D109" s="94">
        <v>8.7130303791913791E-2</v>
      </c>
      <c r="E109" s="180">
        <v>7.1999999999999995E-2</v>
      </c>
      <c r="F109" s="94">
        <v>4.8963230442510719E-2</v>
      </c>
      <c r="G109" s="180">
        <v>0.36899999999999999</v>
      </c>
      <c r="H109" s="94">
        <v>8.4830838811560241E-2</v>
      </c>
      <c r="I109" s="175">
        <v>126</v>
      </c>
      <c r="J109" s="180">
        <v>0.44</v>
      </c>
      <c r="K109" s="94">
        <v>8.7110562845777478E-2</v>
      </c>
      <c r="L109" s="180">
        <v>0.17100000000000001</v>
      </c>
      <c r="M109" s="94">
        <v>6.7554538179047857E-2</v>
      </c>
      <c r="N109" s="180">
        <v>0.38800000000000001</v>
      </c>
      <c r="O109" s="94">
        <v>8.5613813135176006E-2</v>
      </c>
    </row>
    <row r="110" spans="1:15">
      <c r="A110" s="49" t="s">
        <v>457</v>
      </c>
      <c r="B110" s="177">
        <v>645</v>
      </c>
      <c r="C110" s="181">
        <v>0.60699999999999998</v>
      </c>
      <c r="D110" s="97">
        <v>3.8355380871388595E-2</v>
      </c>
      <c r="E110" s="181">
        <v>8.3000000000000004E-2</v>
      </c>
      <c r="F110" s="97">
        <v>2.1960584455832186E-2</v>
      </c>
      <c r="G110" s="181">
        <v>0.31</v>
      </c>
      <c r="H110" s="97">
        <v>3.6346527799445368E-2</v>
      </c>
      <c r="I110" s="177">
        <v>652</v>
      </c>
      <c r="J110" s="181">
        <v>0.56599999999999995</v>
      </c>
      <c r="K110" s="97">
        <v>3.8705971052095799E-2</v>
      </c>
      <c r="L110" s="181">
        <v>0.14099999999999999</v>
      </c>
      <c r="M110" s="97">
        <v>2.7351141199316781E-2</v>
      </c>
      <c r="N110" s="181">
        <v>0.29399999999999998</v>
      </c>
      <c r="O110" s="97">
        <v>3.5619939470617902E-2</v>
      </c>
    </row>
    <row r="111" spans="1:15">
      <c r="A111" s="57" t="s">
        <v>449</v>
      </c>
      <c r="B111" s="175">
        <v>123</v>
      </c>
      <c r="C111" s="180">
        <v>0.48</v>
      </c>
      <c r="D111" s="94">
        <v>8.8669038715659135E-2</v>
      </c>
      <c r="E111" s="180">
        <v>8.5000000000000006E-2</v>
      </c>
      <c r="F111" s="94">
        <v>5.2781818438430925E-2</v>
      </c>
      <c r="G111" s="180">
        <v>0.434</v>
      </c>
      <c r="H111" s="94">
        <v>8.8007528765297396E-2</v>
      </c>
      <c r="I111" s="175">
        <v>122</v>
      </c>
      <c r="J111" s="180">
        <v>0.55400000000000005</v>
      </c>
      <c r="K111" s="94">
        <v>8.8598649902220716E-2</v>
      </c>
      <c r="L111" s="180">
        <v>0.14799999999999999</v>
      </c>
      <c r="M111" s="94">
        <v>6.5183026537079997E-2</v>
      </c>
      <c r="N111" s="180">
        <v>0.29799999999999999</v>
      </c>
      <c r="O111" s="94">
        <v>8.1988308778984026E-2</v>
      </c>
    </row>
    <row r="112" spans="1:15">
      <c r="A112" s="49" t="s">
        <v>450</v>
      </c>
      <c r="B112" s="177">
        <v>96</v>
      </c>
      <c r="C112" s="181">
        <v>0.73299999999999998</v>
      </c>
      <c r="D112" s="97">
        <v>8.9435397377101197E-2</v>
      </c>
      <c r="E112" s="181">
        <v>8.3000000000000004E-2</v>
      </c>
      <c r="F112" s="97">
        <v>5.9914571716736822E-2</v>
      </c>
      <c r="G112" s="181">
        <v>0.184</v>
      </c>
      <c r="H112" s="97">
        <v>7.9491561916973305E-2</v>
      </c>
      <c r="I112" s="177">
        <v>96</v>
      </c>
      <c r="J112" s="181">
        <v>0.71399999999999997</v>
      </c>
      <c r="K112" s="97">
        <v>9.1168943484061502E-2</v>
      </c>
      <c r="L112" s="181">
        <v>4.8000000000000001E-2</v>
      </c>
      <c r="M112" s="97">
        <v>4.9684377262878117E-2</v>
      </c>
      <c r="N112" s="181">
        <v>0.23799999999999999</v>
      </c>
      <c r="O112" s="97">
        <v>8.6426313030234014E-2</v>
      </c>
    </row>
    <row r="113" spans="1:28" ht="25.5">
      <c r="A113" s="57" t="s">
        <v>451</v>
      </c>
      <c r="B113" s="175">
        <v>161</v>
      </c>
      <c r="C113" s="180">
        <v>0.68600000000000005</v>
      </c>
      <c r="D113" s="94">
        <v>7.2540237514103545E-2</v>
      </c>
      <c r="E113" s="180">
        <v>0.08</v>
      </c>
      <c r="F113" s="94">
        <v>4.4598969372856158E-2</v>
      </c>
      <c r="G113" s="180">
        <v>0.23400000000000001</v>
      </c>
      <c r="H113" s="94">
        <v>6.6539213497834274E-2</v>
      </c>
      <c r="I113" s="175">
        <v>165</v>
      </c>
      <c r="J113" s="180">
        <v>0.57999999999999996</v>
      </c>
      <c r="K113" s="94">
        <v>7.5978722227160733E-2</v>
      </c>
      <c r="L113" s="180">
        <v>0.13400000000000001</v>
      </c>
      <c r="M113" s="94">
        <v>5.3804394725023998E-2</v>
      </c>
      <c r="N113" s="180">
        <v>0.28599999999999998</v>
      </c>
      <c r="O113" s="94">
        <v>6.9885147174479828E-2</v>
      </c>
    </row>
    <row r="114" spans="1:28">
      <c r="A114" s="49" t="s">
        <v>452</v>
      </c>
      <c r="B114" s="177">
        <v>74</v>
      </c>
      <c r="C114" s="181">
        <v>0.54600000000000004</v>
      </c>
      <c r="D114" s="97">
        <v>0.11279558567489933</v>
      </c>
      <c r="E114" s="181">
        <v>9.4E-2</v>
      </c>
      <c r="F114" s="97">
        <v>7.2195163790064354E-2</v>
      </c>
      <c r="G114" s="181">
        <v>0.36</v>
      </c>
      <c r="H114" s="97">
        <v>0.10915965991389742</v>
      </c>
      <c r="I114" s="177">
        <v>74</v>
      </c>
      <c r="J114" s="181">
        <v>0.40400000000000003</v>
      </c>
      <c r="K114" s="97">
        <v>0.11133340874007279</v>
      </c>
      <c r="L114" s="181">
        <v>5.2999999999999999E-2</v>
      </c>
      <c r="M114" s="97">
        <v>5.9982374895745989E-2</v>
      </c>
      <c r="N114" s="181">
        <v>0.54400000000000004</v>
      </c>
      <c r="O114" s="97">
        <v>0.11283240867294923</v>
      </c>
    </row>
    <row r="115" spans="1:28">
      <c r="A115" s="57" t="s">
        <v>453</v>
      </c>
      <c r="B115" s="175">
        <v>78</v>
      </c>
      <c r="C115" s="180">
        <v>0.51</v>
      </c>
      <c r="D115" s="94">
        <v>0.11041154016743215</v>
      </c>
      <c r="E115" s="180">
        <v>7.0999999999999994E-2</v>
      </c>
      <c r="F115" s="94">
        <v>6.3812334356669304E-2</v>
      </c>
      <c r="G115" s="180">
        <v>0.41899999999999998</v>
      </c>
      <c r="H115" s="94">
        <v>0.10911249183483498</v>
      </c>
      <c r="I115" s="175">
        <v>80</v>
      </c>
      <c r="J115" s="180">
        <v>0.56299999999999994</v>
      </c>
      <c r="K115" s="94">
        <v>0.1083205120618128</v>
      </c>
      <c r="L115" s="180">
        <v>0.113</v>
      </c>
      <c r="M115" s="94">
        <v>7.3728944384406275E-2</v>
      </c>
      <c r="N115" s="180">
        <v>0.32400000000000001</v>
      </c>
      <c r="O115" s="94">
        <v>0.10279518584134353</v>
      </c>
    </row>
    <row r="116" spans="1:28">
      <c r="A116" s="49" t="s">
        <v>454</v>
      </c>
      <c r="B116" s="177">
        <v>113</v>
      </c>
      <c r="C116" s="181">
        <v>0.59499999999999997</v>
      </c>
      <c r="D116" s="97">
        <v>9.0880130575290125E-2</v>
      </c>
      <c r="E116" s="181">
        <v>8.8999999999999996E-2</v>
      </c>
      <c r="F116" s="97">
        <v>5.6214398897258898E-2</v>
      </c>
      <c r="G116" s="181">
        <v>0.315</v>
      </c>
      <c r="H116" s="97">
        <v>8.6345592242827743E-2</v>
      </c>
      <c r="I116" s="177">
        <v>115</v>
      </c>
      <c r="J116" s="181">
        <v>0.503</v>
      </c>
      <c r="K116" s="97">
        <v>9.1668308696455647E-2</v>
      </c>
      <c r="L116" s="181">
        <v>0.26100000000000001</v>
      </c>
      <c r="M116" s="97">
        <v>8.1303359369522862E-2</v>
      </c>
      <c r="N116" s="181">
        <v>0.23499999999999999</v>
      </c>
      <c r="O116" s="97">
        <v>7.8732962937502191E-2</v>
      </c>
    </row>
    <row r="119" spans="1:28" ht="18.75">
      <c r="A119" s="322" t="s">
        <v>266</v>
      </c>
      <c r="B119" s="322"/>
      <c r="C119" s="322"/>
      <c r="D119" s="322"/>
      <c r="E119" s="322"/>
      <c r="F119" s="322"/>
      <c r="G119" s="322"/>
      <c r="H119" s="322"/>
      <c r="I119" s="322"/>
      <c r="J119" s="322"/>
      <c r="K119" s="322"/>
      <c r="L119" s="322"/>
      <c r="M119" s="227"/>
      <c r="N119" s="227"/>
      <c r="O119" s="227"/>
      <c r="P119" s="227"/>
      <c r="Q119" s="227"/>
      <c r="R119" s="227"/>
      <c r="S119" s="227"/>
      <c r="T119" s="227"/>
      <c r="U119" s="227"/>
      <c r="V119" s="227"/>
      <c r="W119" s="227"/>
      <c r="X119" s="227"/>
      <c r="Y119" s="227"/>
      <c r="Z119" s="227"/>
      <c r="AA119" s="227"/>
      <c r="AB119" s="257"/>
    </row>
    <row r="120" spans="1:28" ht="36" customHeight="1">
      <c r="A120" s="369" t="s">
        <v>496</v>
      </c>
      <c r="B120" s="369"/>
      <c r="C120" s="369"/>
      <c r="D120" s="369"/>
      <c r="E120" s="369"/>
      <c r="F120" s="369"/>
      <c r="G120" s="369"/>
      <c r="H120" s="369"/>
      <c r="I120" s="369"/>
      <c r="J120" s="369"/>
      <c r="K120" s="369"/>
      <c r="L120" s="369"/>
      <c r="M120" s="253"/>
      <c r="N120" s="253"/>
      <c r="O120" s="253"/>
      <c r="P120" s="253"/>
      <c r="Q120" s="253"/>
      <c r="R120" s="253"/>
      <c r="S120" s="253"/>
      <c r="T120" s="253"/>
      <c r="U120" s="253"/>
      <c r="V120" s="253"/>
      <c r="W120" s="253"/>
      <c r="X120" s="253"/>
      <c r="Y120" s="253"/>
      <c r="Z120" s="253"/>
      <c r="AA120" s="253"/>
      <c r="AB120" s="257"/>
    </row>
    <row r="121" spans="1:28" ht="38.25" customHeight="1">
      <c r="A121" s="367" t="s">
        <v>267</v>
      </c>
      <c r="B121" s="368"/>
      <c r="C121" s="368"/>
      <c r="D121" s="368"/>
      <c r="E121" s="368"/>
      <c r="F121" s="368"/>
      <c r="G121" s="368"/>
      <c r="H121" s="368"/>
      <c r="I121" s="368"/>
      <c r="J121" s="368"/>
      <c r="K121" s="368"/>
      <c r="L121" s="368"/>
      <c r="M121" s="248"/>
      <c r="N121" s="257"/>
      <c r="O121" s="257"/>
      <c r="P121" s="257"/>
      <c r="Q121" s="257"/>
      <c r="R121" s="257"/>
      <c r="S121" s="257"/>
      <c r="T121" s="257"/>
      <c r="U121" s="257"/>
      <c r="V121" s="257"/>
      <c r="W121" s="257"/>
      <c r="X121" s="257"/>
      <c r="Y121" s="257"/>
      <c r="Z121" s="257"/>
      <c r="AA121" s="257"/>
      <c r="AB121" s="257"/>
    </row>
    <row r="122" spans="1:28" ht="72">
      <c r="A122" s="37" t="s">
        <v>85</v>
      </c>
      <c r="B122" s="38" t="s">
        <v>86</v>
      </c>
      <c r="C122" s="39" t="s">
        <v>87</v>
      </c>
      <c r="D122" s="40" t="s">
        <v>88</v>
      </c>
      <c r="E122" s="38" t="s">
        <v>268</v>
      </c>
      <c r="F122" s="89" t="s">
        <v>323</v>
      </c>
      <c r="G122" s="38" t="s">
        <v>269</v>
      </c>
      <c r="H122" s="89" t="s">
        <v>324</v>
      </c>
      <c r="I122" s="38" t="s">
        <v>385</v>
      </c>
      <c r="J122" s="89" t="s">
        <v>325</v>
      </c>
      <c r="K122" s="38" t="s">
        <v>357</v>
      </c>
      <c r="L122" s="89" t="s">
        <v>356</v>
      </c>
      <c r="M122" s="248"/>
      <c r="N122" s="256"/>
      <c r="O122" s="248"/>
      <c r="P122" s="256"/>
      <c r="Q122" s="248"/>
    </row>
    <row r="123" spans="1:28" ht="72">
      <c r="A123" s="41"/>
      <c r="B123" s="42" t="s">
        <v>89</v>
      </c>
      <c r="C123" s="128" t="s">
        <v>360</v>
      </c>
      <c r="D123" s="44" t="s">
        <v>91</v>
      </c>
      <c r="E123" s="42" t="s">
        <v>181</v>
      </c>
      <c r="F123" s="91" t="s">
        <v>104</v>
      </c>
      <c r="G123" s="42" t="s">
        <v>182</v>
      </c>
      <c r="H123" s="91" t="s">
        <v>104</v>
      </c>
      <c r="I123" s="42" t="s">
        <v>183</v>
      </c>
      <c r="J123" s="91" t="s">
        <v>104</v>
      </c>
      <c r="K123" s="42" t="s">
        <v>357</v>
      </c>
      <c r="L123" s="91" t="s">
        <v>104</v>
      </c>
    </row>
    <row r="124" spans="1:28">
      <c r="A124" s="45" t="s">
        <v>436</v>
      </c>
      <c r="B124" s="175">
        <v>10998</v>
      </c>
      <c r="C124" s="176">
        <v>5.18</v>
      </c>
      <c r="D124" s="85">
        <v>1.9599999999999999E-2</v>
      </c>
      <c r="E124" s="180">
        <v>0.122</v>
      </c>
      <c r="F124" s="94">
        <v>6.2435533845204179E-3</v>
      </c>
      <c r="G124" s="180">
        <v>0.159</v>
      </c>
      <c r="H124" s="94">
        <v>6.9747391938981785E-3</v>
      </c>
      <c r="I124" s="180">
        <v>0.69599999999999995</v>
      </c>
      <c r="J124" s="94">
        <v>8.7713057149752891E-3</v>
      </c>
      <c r="K124" s="93">
        <v>2.1999999999999999E-2</v>
      </c>
      <c r="L124" s="94">
        <v>2.8076627800380362E-3</v>
      </c>
    </row>
    <row r="125" spans="1:28">
      <c r="A125" s="49" t="s">
        <v>437</v>
      </c>
      <c r="B125" s="177">
        <v>8704</v>
      </c>
      <c r="C125" s="178">
        <v>5.18</v>
      </c>
      <c r="D125" s="179">
        <v>3.0241232E-2</v>
      </c>
      <c r="E125" s="181">
        <v>0.13600000000000001</v>
      </c>
      <c r="F125" s="97">
        <v>7.350584723771033E-3</v>
      </c>
      <c r="G125" s="181">
        <v>0.14299999999999999</v>
      </c>
      <c r="H125" s="97">
        <v>7.5064834914501275E-3</v>
      </c>
      <c r="I125" s="181">
        <v>0.70899999999999996</v>
      </c>
      <c r="J125" s="97">
        <v>9.7360460509007974E-3</v>
      </c>
      <c r="K125" s="96">
        <v>1.2E-2</v>
      </c>
      <c r="L125" s="97">
        <v>2.3551009506040999E-3</v>
      </c>
    </row>
    <row r="126" spans="1:28">
      <c r="A126" s="45" t="s">
        <v>438</v>
      </c>
      <c r="B126" s="175">
        <v>1985</v>
      </c>
      <c r="C126" s="176">
        <v>5.1100000000000003</v>
      </c>
      <c r="D126" s="85">
        <v>5.8799999999999998E-2</v>
      </c>
      <c r="E126" s="180">
        <v>0.11020000000000001</v>
      </c>
      <c r="F126" s="94">
        <v>1.4086316035216383E-2</v>
      </c>
      <c r="G126" s="180">
        <v>0.18759999999999999</v>
      </c>
      <c r="H126" s="94">
        <v>1.7529598858582702E-2</v>
      </c>
      <c r="I126" s="180">
        <v>0.66069999999999995</v>
      </c>
      <c r="J126" s="94">
        <v>2.1237685032857008E-2</v>
      </c>
      <c r="K126" s="93">
        <v>4.1500000000000002E-2</v>
      </c>
      <c r="L126" s="94">
        <v>9.0384841972558465E-3</v>
      </c>
    </row>
    <row r="127" spans="1:28">
      <c r="A127" s="49" t="s">
        <v>439</v>
      </c>
      <c r="B127" s="177">
        <v>3922</v>
      </c>
      <c r="C127" s="178">
        <v>5.2</v>
      </c>
      <c r="D127" s="179">
        <v>3.9199999999999999E-2</v>
      </c>
      <c r="E127" s="181">
        <v>0.114</v>
      </c>
      <c r="F127" s="97">
        <v>1.0159575188189976E-2</v>
      </c>
      <c r="G127" s="181">
        <v>0.157</v>
      </c>
      <c r="H127" s="97">
        <v>1.1622812556023678E-2</v>
      </c>
      <c r="I127" s="181">
        <v>0.69799999999999995</v>
      </c>
      <c r="J127" s="97">
        <v>1.4657782265422289E-2</v>
      </c>
      <c r="K127" s="96">
        <v>3.1E-2</v>
      </c>
      <c r="L127" s="97">
        <v>5.573295766655593E-3</v>
      </c>
    </row>
    <row r="128" spans="1:28">
      <c r="A128" s="45" t="s">
        <v>440</v>
      </c>
      <c r="B128" s="175">
        <v>3285</v>
      </c>
      <c r="C128" s="176">
        <v>5.22</v>
      </c>
      <c r="D128" s="85">
        <v>3.9199999999999999E-2</v>
      </c>
      <c r="E128" s="180">
        <v>0.125</v>
      </c>
      <c r="F128" s="94">
        <v>1.1551402235047397E-2</v>
      </c>
      <c r="G128" s="180">
        <v>0.14899999999999999</v>
      </c>
      <c r="H128" s="94">
        <v>1.2432779952304808E-2</v>
      </c>
      <c r="I128" s="180">
        <v>0.71</v>
      </c>
      <c r="J128" s="94">
        <v>1.5828481759334156E-2</v>
      </c>
      <c r="K128" s="93">
        <v>1.4999999999999999E-2</v>
      </c>
      <c r="L128" s="94">
        <v>4.3202313025037615E-3</v>
      </c>
    </row>
    <row r="129" spans="1:12">
      <c r="A129" s="49" t="s">
        <v>455</v>
      </c>
      <c r="B129" s="177">
        <v>578</v>
      </c>
      <c r="C129" s="178">
        <v>5.12</v>
      </c>
      <c r="D129" s="179">
        <v>0.1176</v>
      </c>
      <c r="E129" s="181">
        <v>0.109</v>
      </c>
      <c r="F129" s="97">
        <v>2.611279202825055E-2</v>
      </c>
      <c r="G129" s="181">
        <v>0.188</v>
      </c>
      <c r="H129" s="97">
        <v>3.2532242922789334E-2</v>
      </c>
      <c r="I129" s="181">
        <v>0.67100000000000004</v>
      </c>
      <c r="J129" s="97">
        <v>3.8987138324485943E-2</v>
      </c>
      <c r="K129" s="96">
        <v>3.2000000000000001E-2</v>
      </c>
      <c r="L129" s="97">
        <v>1.5281166301939882E-2</v>
      </c>
    </row>
    <row r="130" spans="1:12">
      <c r="A130" s="45" t="s">
        <v>441</v>
      </c>
      <c r="B130" s="175">
        <v>117</v>
      </c>
      <c r="C130" s="176">
        <v>4.97</v>
      </c>
      <c r="D130" s="85">
        <v>0.25480000000000003</v>
      </c>
      <c r="E130" s="180">
        <v>0.10299999999999999</v>
      </c>
      <c r="F130" s="94">
        <v>5.8249730604496758E-2</v>
      </c>
      <c r="G130" s="180">
        <v>0.28100000000000003</v>
      </c>
      <c r="H130" s="94">
        <v>8.2353313098443223E-2</v>
      </c>
      <c r="I130" s="180">
        <v>0.61599999999999999</v>
      </c>
      <c r="J130" s="94">
        <v>8.8592100441837587E-2</v>
      </c>
      <c r="K130" s="93">
        <v>0</v>
      </c>
      <c r="L130" s="94">
        <v>2.3181440451602572E-2</v>
      </c>
    </row>
    <row r="131" spans="1:12">
      <c r="A131" s="49" t="s">
        <v>442</v>
      </c>
      <c r="B131" s="177">
        <v>175</v>
      </c>
      <c r="C131" s="178">
        <v>5.08</v>
      </c>
      <c r="D131" s="179">
        <v>0.21559999999999999</v>
      </c>
      <c r="E131" s="181">
        <v>9.2999999999999999E-2</v>
      </c>
      <c r="F131" s="97">
        <v>4.5260657560493522E-2</v>
      </c>
      <c r="G131" s="181">
        <v>0.20599999999999999</v>
      </c>
      <c r="H131" s="97">
        <v>6.1158992131502957E-2</v>
      </c>
      <c r="I131" s="181">
        <v>0.69199999999999995</v>
      </c>
      <c r="J131" s="97">
        <v>6.9276410918039488E-2</v>
      </c>
      <c r="K131" s="96">
        <v>8.9999999999999993E-3</v>
      </c>
      <c r="L131" s="97">
        <v>2.0913860885694465E-2</v>
      </c>
    </row>
    <row r="132" spans="1:12">
      <c r="A132" s="45" t="s">
        <v>443</v>
      </c>
      <c r="B132" s="175">
        <v>134</v>
      </c>
      <c r="C132" s="176">
        <v>4.9400000000000004</v>
      </c>
      <c r="D132" s="85">
        <v>0.23519999999999999</v>
      </c>
      <c r="E132" s="180">
        <v>0.187</v>
      </c>
      <c r="F132" s="94">
        <v>6.7593853746833465E-2</v>
      </c>
      <c r="G132" s="180">
        <v>0.151</v>
      </c>
      <c r="H132" s="94">
        <v>6.259082565849039E-2</v>
      </c>
      <c r="I132" s="180">
        <v>0.625</v>
      </c>
      <c r="J132" s="94">
        <v>8.2579372377358351E-2</v>
      </c>
      <c r="K132" s="93">
        <v>3.6999999999999998E-2</v>
      </c>
      <c r="L132" s="94">
        <v>3.7252792610426501E-2</v>
      </c>
    </row>
    <row r="133" spans="1:12">
      <c r="A133" s="49" t="s">
        <v>444</v>
      </c>
      <c r="B133" s="177">
        <v>152</v>
      </c>
      <c r="C133" s="178">
        <v>5.36</v>
      </c>
      <c r="D133" s="179">
        <v>0.19600000000000001</v>
      </c>
      <c r="E133" s="181">
        <v>8.4000000000000005E-2</v>
      </c>
      <c r="F133" s="97">
        <v>4.68781532652605E-2</v>
      </c>
      <c r="G133" s="181">
        <v>0.14099999999999999</v>
      </c>
      <c r="H133" s="97">
        <v>5.7209365305128324E-2</v>
      </c>
      <c r="I133" s="181">
        <v>0.70599999999999996</v>
      </c>
      <c r="J133" s="97">
        <v>7.3329656970049298E-2</v>
      </c>
      <c r="K133" s="96">
        <v>7.0000000000000007E-2</v>
      </c>
      <c r="L133" s="97">
        <v>4.3694888078063397E-2</v>
      </c>
    </row>
    <row r="134" spans="1:12">
      <c r="A134" s="45" t="s">
        <v>456</v>
      </c>
      <c r="B134" s="175">
        <v>530</v>
      </c>
      <c r="C134" s="176">
        <v>5.09</v>
      </c>
      <c r="D134" s="85">
        <v>0.1176</v>
      </c>
      <c r="E134" s="180">
        <v>0.14699999999999999</v>
      </c>
      <c r="F134" s="94">
        <v>3.0873768574780667E-2</v>
      </c>
      <c r="G134" s="180">
        <v>0.19600000000000001</v>
      </c>
      <c r="H134" s="94">
        <v>3.4507050132924606E-2</v>
      </c>
      <c r="I134" s="180">
        <v>0.63600000000000001</v>
      </c>
      <c r="J134" s="94">
        <v>4.1667495646802798E-2</v>
      </c>
      <c r="K134" s="93">
        <v>0.02</v>
      </c>
      <c r="L134" s="94">
        <v>1.3136779068295617E-2</v>
      </c>
    </row>
    <row r="135" spans="1:12" ht="25.5">
      <c r="A135" s="49" t="s">
        <v>445</v>
      </c>
      <c r="B135" s="177">
        <v>174</v>
      </c>
      <c r="C135" s="178">
        <v>4.8600000000000003</v>
      </c>
      <c r="D135" s="179">
        <v>0.21559999999999999</v>
      </c>
      <c r="E135" s="181">
        <v>0.219</v>
      </c>
      <c r="F135" s="97">
        <v>6.2629270309983456E-2</v>
      </c>
      <c r="G135" s="181">
        <v>0.14499999999999999</v>
      </c>
      <c r="H135" s="97">
        <v>5.3961160395439661E-2</v>
      </c>
      <c r="I135" s="181">
        <v>0.61099999999999999</v>
      </c>
      <c r="J135" s="97">
        <v>7.3166967875056457E-2</v>
      </c>
      <c r="K135" s="96">
        <v>2.4E-2</v>
      </c>
      <c r="L135" s="97">
        <v>2.7434405174830135E-2</v>
      </c>
    </row>
    <row r="136" spans="1:12">
      <c r="A136" s="45" t="s">
        <v>446</v>
      </c>
      <c r="B136" s="175">
        <v>123</v>
      </c>
      <c r="C136" s="176">
        <v>5.54</v>
      </c>
      <c r="D136" s="85">
        <v>0.25480000000000003</v>
      </c>
      <c r="E136" s="180">
        <v>7.0999999999999994E-2</v>
      </c>
      <c r="F136" s="94">
        <v>4.9364326059206702E-2</v>
      </c>
      <c r="G136" s="180">
        <v>0.159</v>
      </c>
      <c r="H136" s="94">
        <v>6.6623501190125389E-2</v>
      </c>
      <c r="I136" s="180">
        <v>0.72799999999999998</v>
      </c>
      <c r="J136" s="94">
        <v>7.9613043375225123E-2</v>
      </c>
      <c r="K136" s="93">
        <v>4.1000000000000002E-2</v>
      </c>
      <c r="L136" s="94">
        <v>4.0617768162902732E-2</v>
      </c>
    </row>
    <row r="137" spans="1:12">
      <c r="A137" s="49" t="s">
        <v>447</v>
      </c>
      <c r="B137" s="177">
        <v>98</v>
      </c>
      <c r="C137" s="178">
        <v>5.39</v>
      </c>
      <c r="D137" s="179">
        <v>0.29399999999999998</v>
      </c>
      <c r="E137" s="181">
        <v>7.1999999999999995E-2</v>
      </c>
      <c r="F137" s="97">
        <v>5.632596286455277E-2</v>
      </c>
      <c r="G137" s="181">
        <v>0.23499999999999999</v>
      </c>
      <c r="H137" s="97">
        <v>8.5215953172040573E-2</v>
      </c>
      <c r="I137" s="181">
        <v>0.69299999999999995</v>
      </c>
      <c r="J137" s="97">
        <v>9.1953783377492257E-2</v>
      </c>
      <c r="K137" s="96">
        <v>0</v>
      </c>
      <c r="L137" s="97">
        <v>2.745647223584333E-2</v>
      </c>
    </row>
    <row r="138" spans="1:12" ht="25.5">
      <c r="A138" s="57" t="s">
        <v>448</v>
      </c>
      <c r="B138" s="175">
        <v>135</v>
      </c>
      <c r="C138" s="176">
        <v>4.33</v>
      </c>
      <c r="D138" s="85">
        <v>0.23519999999999999</v>
      </c>
      <c r="E138" s="180">
        <v>0.252</v>
      </c>
      <c r="F138" s="94">
        <v>7.4328624037461169E-2</v>
      </c>
      <c r="G138" s="180">
        <v>0.30199999999999999</v>
      </c>
      <c r="H138" s="94">
        <v>7.8294753891970936E-2</v>
      </c>
      <c r="I138" s="180">
        <v>0.44500000000000001</v>
      </c>
      <c r="J138" s="94">
        <v>8.4333458660164437E-2</v>
      </c>
      <c r="K138" s="93">
        <v>1E-3</v>
      </c>
      <c r="L138" s="94">
        <v>2.0861855639696419E-2</v>
      </c>
    </row>
    <row r="139" spans="1:12">
      <c r="A139" s="49" t="s">
        <v>457</v>
      </c>
      <c r="B139" s="177">
        <v>743</v>
      </c>
      <c r="C139" s="178">
        <v>5.33</v>
      </c>
      <c r="D139" s="179">
        <v>9.8000000000000004E-2</v>
      </c>
      <c r="E139" s="181">
        <v>0.125</v>
      </c>
      <c r="F139" s="97">
        <v>2.4366346302769456E-2</v>
      </c>
      <c r="G139" s="181">
        <v>0.114</v>
      </c>
      <c r="H139" s="97">
        <v>2.3438706547445651E-2</v>
      </c>
      <c r="I139" s="181">
        <v>0.755</v>
      </c>
      <c r="J139" s="97">
        <v>3.1531163994435299E-2</v>
      </c>
      <c r="K139" s="96">
        <v>6.0000000000000001E-3</v>
      </c>
      <c r="L139" s="97">
        <v>6.774433135832111E-3</v>
      </c>
    </row>
    <row r="140" spans="1:12">
      <c r="A140" s="57" t="s">
        <v>449</v>
      </c>
      <c r="B140" s="175">
        <v>132</v>
      </c>
      <c r="C140" s="176">
        <v>4.76</v>
      </c>
      <c r="D140" s="85">
        <v>0.25480000000000003</v>
      </c>
      <c r="E140" s="180">
        <v>0.20399999999999999</v>
      </c>
      <c r="F140" s="94">
        <v>7.0180877646390152E-2</v>
      </c>
      <c r="G140" s="180">
        <v>0.155</v>
      </c>
      <c r="H140" s="94">
        <v>6.3679691976020095E-2</v>
      </c>
      <c r="I140" s="180">
        <v>0.64100000000000001</v>
      </c>
      <c r="J140" s="94">
        <v>8.2474821913997326E-2</v>
      </c>
      <c r="K140" s="93">
        <v>0</v>
      </c>
      <c r="L140" s="94">
        <v>2.0643770871594677E-2</v>
      </c>
    </row>
    <row r="141" spans="1:12">
      <c r="A141" s="49" t="s">
        <v>450</v>
      </c>
      <c r="B141" s="177">
        <v>105</v>
      </c>
      <c r="C141" s="178">
        <v>5.6</v>
      </c>
      <c r="D141" s="179">
        <v>0.25480000000000003</v>
      </c>
      <c r="E141" s="181">
        <v>8.2000000000000003E-2</v>
      </c>
      <c r="F141" s="97">
        <v>5.6783665148351883E-2</v>
      </c>
      <c r="G141" s="181">
        <v>0.1</v>
      </c>
      <c r="H141" s="97">
        <v>6.1039211096594589E-2</v>
      </c>
      <c r="I141" s="181">
        <v>0.81</v>
      </c>
      <c r="J141" s="97">
        <v>7.6823112513565286E-2</v>
      </c>
      <c r="K141" s="96">
        <v>7.0000000000000001E-3</v>
      </c>
      <c r="L141" s="97">
        <v>2.9961533471186977E-2</v>
      </c>
    </row>
    <row r="142" spans="1:12" ht="25.5">
      <c r="A142" s="57" t="s">
        <v>451</v>
      </c>
      <c r="B142" s="175">
        <v>189</v>
      </c>
      <c r="C142" s="176">
        <v>5.74</v>
      </c>
      <c r="D142" s="85">
        <v>0.19600000000000001</v>
      </c>
      <c r="E142" s="180">
        <v>9.6000000000000002E-2</v>
      </c>
      <c r="F142" s="94">
        <v>4.4015852530150522E-2</v>
      </c>
      <c r="G142" s="180">
        <v>4.8000000000000001E-2</v>
      </c>
      <c r="H142" s="94">
        <v>3.3477794818872857E-2</v>
      </c>
      <c r="I142" s="180">
        <v>0.84499999999999997</v>
      </c>
      <c r="J142" s="94">
        <v>5.3063175282116792E-2</v>
      </c>
      <c r="K142" s="93">
        <v>1.0999999999999999E-2</v>
      </c>
      <c r="L142" s="94">
        <v>2.0706705302649828E-2</v>
      </c>
    </row>
    <row r="143" spans="1:12">
      <c r="A143" s="49" t="s">
        <v>452</v>
      </c>
      <c r="B143" s="177">
        <v>83</v>
      </c>
      <c r="C143" s="178">
        <v>4.9000000000000004</v>
      </c>
      <c r="D143" s="179">
        <v>0.31359999999999999</v>
      </c>
      <c r="E143" s="181">
        <v>0.111</v>
      </c>
      <c r="F143" s="97">
        <v>7.1847123597834101E-2</v>
      </c>
      <c r="G143" s="181">
        <v>0.20899999999999999</v>
      </c>
      <c r="H143" s="97">
        <v>8.9166447139156918E-2</v>
      </c>
      <c r="I143" s="181">
        <v>0.66500000000000004</v>
      </c>
      <c r="J143" s="97">
        <v>0.10175944086016792</v>
      </c>
      <c r="K143" s="96">
        <v>1.4999999999999999E-2</v>
      </c>
      <c r="L143" s="97">
        <v>4.0631591989608515E-2</v>
      </c>
    </row>
    <row r="144" spans="1:12">
      <c r="A144" s="57" t="s">
        <v>453</v>
      </c>
      <c r="B144" s="175">
        <v>99</v>
      </c>
      <c r="C144" s="176">
        <v>5.55</v>
      </c>
      <c r="D144" s="85">
        <v>0.29399999999999998</v>
      </c>
      <c r="E144" s="180">
        <v>9.7000000000000003E-2</v>
      </c>
      <c r="F144" s="94">
        <v>6.2305340688886955E-2</v>
      </c>
      <c r="G144" s="180">
        <v>0.123</v>
      </c>
      <c r="H144" s="94">
        <v>6.789363276799687E-2</v>
      </c>
      <c r="I144" s="180">
        <v>0.77200000000000002</v>
      </c>
      <c r="J144" s="94">
        <v>8.3990464292755695E-2</v>
      </c>
      <c r="K144" s="93">
        <v>8.0000000000000002E-3</v>
      </c>
      <c r="L144" s="94">
        <v>3.2002437844519796E-2</v>
      </c>
    </row>
    <row r="145" spans="1:15">
      <c r="A145" s="49" t="s">
        <v>454</v>
      </c>
      <c r="B145" s="177">
        <v>135</v>
      </c>
      <c r="C145" s="178">
        <v>5.0199999999999996</v>
      </c>
      <c r="D145" s="179">
        <v>0.23519999999999999</v>
      </c>
      <c r="E145" s="181">
        <v>0.16500000000000001</v>
      </c>
      <c r="F145" s="97">
        <v>6.4404534818993678E-2</v>
      </c>
      <c r="G145" s="181">
        <v>0.128</v>
      </c>
      <c r="H145" s="97">
        <v>5.8633344054679168E-2</v>
      </c>
      <c r="I145" s="181">
        <v>0.70699999999999996</v>
      </c>
      <c r="J145" s="97">
        <v>7.7660327662366302E-2</v>
      </c>
      <c r="K145" s="96">
        <v>0</v>
      </c>
      <c r="L145" s="97">
        <v>2.0201474828221939E-2</v>
      </c>
    </row>
    <row r="146" spans="1:15" s="249" customFormat="1">
      <c r="A146" s="242"/>
      <c r="B146" s="255"/>
      <c r="C146" s="256"/>
      <c r="D146" s="248"/>
      <c r="E146" s="256"/>
      <c r="F146" s="248"/>
      <c r="G146" s="256"/>
      <c r="H146" s="248"/>
      <c r="I146"/>
      <c r="J146"/>
      <c r="K146"/>
      <c r="L146"/>
      <c r="M146"/>
      <c r="N146"/>
      <c r="O146"/>
    </row>
    <row r="147" spans="1:15" s="249" customFormat="1">
      <c r="A147" s="242"/>
      <c r="B147" s="255"/>
      <c r="C147" s="256"/>
      <c r="D147" s="248"/>
      <c r="E147" s="256"/>
      <c r="F147" s="248"/>
      <c r="G147" s="256"/>
      <c r="H147" s="248"/>
      <c r="I147"/>
      <c r="J147"/>
      <c r="K147"/>
      <c r="L147"/>
      <c r="M147"/>
      <c r="N147"/>
      <c r="O147"/>
    </row>
    <row r="148" spans="1:15" ht="18.75">
      <c r="A148" s="322" t="s">
        <v>30</v>
      </c>
      <c r="B148" s="322"/>
      <c r="C148" s="322"/>
      <c r="D148" s="322"/>
      <c r="E148" s="322"/>
      <c r="F148" s="322"/>
      <c r="G148" s="322"/>
      <c r="H148" s="322"/>
      <c r="I148" s="322"/>
      <c r="J148" s="322"/>
    </row>
    <row r="149" spans="1:15" ht="66" customHeight="1">
      <c r="A149" s="369" t="s">
        <v>386</v>
      </c>
      <c r="B149" s="369"/>
      <c r="C149" s="369"/>
      <c r="D149" s="369"/>
      <c r="E149" s="369"/>
      <c r="F149" s="369"/>
      <c r="G149" s="369"/>
      <c r="H149" s="369"/>
      <c r="I149" s="369"/>
      <c r="J149" s="369"/>
    </row>
    <row r="150" spans="1:15" ht="36" customHeight="1">
      <c r="A150" s="315" t="s">
        <v>244</v>
      </c>
      <c r="B150" s="316"/>
      <c r="C150" s="316"/>
      <c r="D150" s="316"/>
      <c r="E150" s="316"/>
      <c r="F150" s="316"/>
      <c r="G150" s="316"/>
      <c r="H150" s="316"/>
      <c r="I150" s="316"/>
      <c r="J150" s="316"/>
    </row>
    <row r="151" spans="1:15" ht="37.5" customHeight="1">
      <c r="A151" s="110" t="s">
        <v>85</v>
      </c>
      <c r="B151" s="38" t="s">
        <v>86</v>
      </c>
      <c r="C151" s="39" t="s">
        <v>87</v>
      </c>
      <c r="D151" s="40" t="s">
        <v>88</v>
      </c>
      <c r="E151" s="38" t="s">
        <v>243</v>
      </c>
      <c r="F151" s="89" t="s">
        <v>157</v>
      </c>
      <c r="G151" s="38" t="s">
        <v>158</v>
      </c>
      <c r="H151" s="89" t="s">
        <v>159</v>
      </c>
      <c r="I151" s="38" t="s">
        <v>387</v>
      </c>
      <c r="J151" s="89" t="s">
        <v>388</v>
      </c>
    </row>
    <row r="152" spans="1:15" ht="72">
      <c r="A152" s="111"/>
      <c r="B152" s="42" t="s">
        <v>89</v>
      </c>
      <c r="C152" s="128" t="s">
        <v>362</v>
      </c>
      <c r="D152" s="44" t="s">
        <v>91</v>
      </c>
      <c r="E152" s="42" t="s">
        <v>206</v>
      </c>
      <c r="F152" s="91" t="s">
        <v>104</v>
      </c>
      <c r="G152" s="42" t="s">
        <v>207</v>
      </c>
      <c r="H152" s="91" t="s">
        <v>104</v>
      </c>
      <c r="I152" s="42" t="s">
        <v>208</v>
      </c>
      <c r="J152" s="91" t="s">
        <v>104</v>
      </c>
    </row>
    <row r="153" spans="1:15">
      <c r="A153" s="45" t="s">
        <v>436</v>
      </c>
      <c r="B153" s="182">
        <v>8594</v>
      </c>
      <c r="C153" s="176">
        <v>3.51</v>
      </c>
      <c r="D153" s="85">
        <v>3.9199999999999999E-2</v>
      </c>
      <c r="E153" s="183">
        <v>0.52400000000000002</v>
      </c>
      <c r="F153" s="94">
        <v>1.0772112034339211E-2</v>
      </c>
      <c r="G153" s="183">
        <v>8.8999999999999996E-2</v>
      </c>
      <c r="H153" s="94">
        <v>6.1476042724389751E-3</v>
      </c>
      <c r="I153" s="183">
        <v>0.38700000000000001</v>
      </c>
      <c r="J153" s="94">
        <v>1.0505769483237995E-2</v>
      </c>
    </row>
    <row r="154" spans="1:15">
      <c r="A154" s="49" t="s">
        <v>437</v>
      </c>
      <c r="B154" s="49">
        <v>7992</v>
      </c>
      <c r="C154" s="178">
        <v>3.5379999999999998</v>
      </c>
      <c r="D154" s="179">
        <v>4.8744808000000001E-2</v>
      </c>
      <c r="E154" s="185">
        <v>0.51670000000000005</v>
      </c>
      <c r="F154" s="97">
        <v>1.1176902793613721E-2</v>
      </c>
      <c r="G154" s="185">
        <v>9.0499999999999997E-2</v>
      </c>
      <c r="H154" s="97">
        <v>6.4233457614908005E-3</v>
      </c>
      <c r="I154" s="185">
        <v>0.39279999999999998</v>
      </c>
      <c r="J154" s="97">
        <v>1.0923345966325047E-2</v>
      </c>
    </row>
    <row r="155" spans="1:15">
      <c r="A155" s="45" t="s">
        <v>438</v>
      </c>
      <c r="B155" s="53">
        <v>774</v>
      </c>
      <c r="C155" s="176">
        <v>2.84</v>
      </c>
      <c r="D155" s="85">
        <v>0.15679999999999999</v>
      </c>
      <c r="E155" s="183">
        <v>0.66269999999999996</v>
      </c>
      <c r="F155" s="94">
        <v>3.392114010610444E-2</v>
      </c>
      <c r="G155" s="183">
        <v>9.1899999999999996E-2</v>
      </c>
      <c r="H155" s="94">
        <v>2.0924953285398413E-2</v>
      </c>
      <c r="I155" s="183">
        <v>0.24540000000000001</v>
      </c>
      <c r="J155" s="94">
        <v>3.0911073050025682E-2</v>
      </c>
    </row>
    <row r="156" spans="1:15">
      <c r="A156" s="49" t="s">
        <v>439</v>
      </c>
      <c r="B156" s="49">
        <v>3263</v>
      </c>
      <c r="C156" s="178">
        <v>3.51</v>
      </c>
      <c r="D156" s="179">
        <v>7.8399999999999997E-2</v>
      </c>
      <c r="E156" s="185">
        <v>0.52400000000000002</v>
      </c>
      <c r="F156" s="97">
        <v>1.74753456873676E-2</v>
      </c>
      <c r="G156" s="185">
        <v>8.5000000000000006E-2</v>
      </c>
      <c r="H156" s="97">
        <v>9.7847337911991759E-3</v>
      </c>
      <c r="I156" s="185">
        <v>0.39100000000000001</v>
      </c>
      <c r="J156" s="97">
        <v>1.7075717711133705E-2</v>
      </c>
    </row>
    <row r="157" spans="1:15">
      <c r="A157" s="45" t="s">
        <v>440</v>
      </c>
      <c r="B157" s="53">
        <v>3029</v>
      </c>
      <c r="C157" s="176">
        <v>3.55</v>
      </c>
      <c r="D157" s="85">
        <v>7.8399999999999997E-2</v>
      </c>
      <c r="E157" s="183">
        <v>0.51300000000000001</v>
      </c>
      <c r="F157" s="94">
        <v>1.8151701491096205E-2</v>
      </c>
      <c r="G157" s="183">
        <v>8.4000000000000005E-2</v>
      </c>
      <c r="H157" s="94">
        <v>1.0103334257996956E-2</v>
      </c>
      <c r="I157" s="183">
        <v>0.40300000000000002</v>
      </c>
      <c r="J157" s="94">
        <v>1.7813770898928983E-2</v>
      </c>
    </row>
    <row r="158" spans="1:15">
      <c r="A158" s="49" t="s">
        <v>455</v>
      </c>
      <c r="B158" s="49">
        <v>523</v>
      </c>
      <c r="C158" s="178">
        <v>3.53</v>
      </c>
      <c r="D158" s="179">
        <v>0.19600000000000001</v>
      </c>
      <c r="E158" s="185">
        <v>0.53500000000000003</v>
      </c>
      <c r="F158" s="97">
        <v>4.3455447336885604E-2</v>
      </c>
      <c r="G158" s="185">
        <v>6.3E-2</v>
      </c>
      <c r="H158" s="97">
        <v>2.1678863411795698E-2</v>
      </c>
      <c r="I158" s="185">
        <v>0.40200000000000002</v>
      </c>
      <c r="J158" s="97">
        <v>4.2728678270524983E-2</v>
      </c>
    </row>
    <row r="159" spans="1:15">
      <c r="A159" s="45" t="s">
        <v>441</v>
      </c>
      <c r="B159" s="53">
        <v>106</v>
      </c>
      <c r="C159" s="176">
        <v>3.39</v>
      </c>
      <c r="D159" s="85">
        <v>0.39200000000000002</v>
      </c>
      <c r="E159" s="183">
        <v>0.59599999999999997</v>
      </c>
      <c r="F159" s="94">
        <v>9.3700115086603156E-2</v>
      </c>
      <c r="G159" s="183">
        <v>1.9E-2</v>
      </c>
      <c r="H159" s="94">
        <v>3.5756409543479355E-2</v>
      </c>
      <c r="I159" s="183">
        <v>0.38500000000000001</v>
      </c>
      <c r="J159" s="94">
        <v>9.2974939062975923E-2</v>
      </c>
    </row>
    <row r="160" spans="1:15">
      <c r="A160" s="49" t="s">
        <v>442</v>
      </c>
      <c r="B160" s="49">
        <v>162</v>
      </c>
      <c r="C160" s="178">
        <v>3.81</v>
      </c>
      <c r="D160" s="179">
        <v>0.3528</v>
      </c>
      <c r="E160" s="185">
        <v>0.47099999999999997</v>
      </c>
      <c r="F160" s="97">
        <v>7.749062000068796E-2</v>
      </c>
      <c r="G160" s="185">
        <v>5.8000000000000003E-2</v>
      </c>
      <c r="H160" s="97">
        <v>3.9251336313199096E-2</v>
      </c>
      <c r="I160" s="185">
        <v>0.47099999999999997</v>
      </c>
      <c r="J160" s="97">
        <v>7.749062000068796E-2</v>
      </c>
    </row>
    <row r="161" spans="1:10">
      <c r="A161" s="45" t="s">
        <v>443</v>
      </c>
      <c r="B161" s="53">
        <v>123</v>
      </c>
      <c r="C161" s="176">
        <v>4.03</v>
      </c>
      <c r="D161" s="85">
        <v>0.39200000000000002</v>
      </c>
      <c r="E161" s="183">
        <v>0.45700000000000002</v>
      </c>
      <c r="F161" s="94">
        <v>8.8427315804844225E-2</v>
      </c>
      <c r="G161" s="183">
        <v>7.5999999999999998E-2</v>
      </c>
      <c r="H161" s="94">
        <v>5.062448888973637E-2</v>
      </c>
      <c r="I161" s="183">
        <v>0.46700000000000003</v>
      </c>
      <c r="J161" s="94">
        <v>8.8554181667876555E-2</v>
      </c>
    </row>
    <row r="162" spans="1:10">
      <c r="A162" s="49" t="s">
        <v>444</v>
      </c>
      <c r="B162" s="49">
        <v>132</v>
      </c>
      <c r="C162" s="178">
        <v>3.01</v>
      </c>
      <c r="D162" s="179">
        <v>0.39200000000000002</v>
      </c>
      <c r="E162" s="185">
        <v>0.61899999999999999</v>
      </c>
      <c r="F162" s="97">
        <v>8.3430095782954378E-2</v>
      </c>
      <c r="G162" s="185">
        <v>8.5000000000000006E-2</v>
      </c>
      <c r="H162" s="97">
        <v>5.0804382276510976E-2</v>
      </c>
      <c r="I162" s="185">
        <v>0.29599999999999999</v>
      </c>
      <c r="J162" s="97">
        <v>7.873933167700356E-2</v>
      </c>
    </row>
    <row r="163" spans="1:10">
      <c r="A163" s="45" t="s">
        <v>456</v>
      </c>
      <c r="B163" s="182">
        <v>481</v>
      </c>
      <c r="C163" s="176">
        <v>3.55</v>
      </c>
      <c r="D163" s="85">
        <v>0.19600000000000001</v>
      </c>
      <c r="E163" s="183">
        <v>0.47499999999999998</v>
      </c>
      <c r="F163" s="94">
        <v>4.5351799361055829E-2</v>
      </c>
      <c r="G163" s="183">
        <v>0.13100000000000001</v>
      </c>
      <c r="H163" s="94">
        <v>3.0940673923655578E-2</v>
      </c>
      <c r="I163" s="183">
        <v>0.39400000000000002</v>
      </c>
      <c r="J163" s="94">
        <v>4.4392678119231373E-2</v>
      </c>
    </row>
    <row r="164" spans="1:10" ht="25.5">
      <c r="A164" s="49" t="s">
        <v>445</v>
      </c>
      <c r="B164" s="184">
        <v>157</v>
      </c>
      <c r="C164" s="178">
        <v>3.69</v>
      </c>
      <c r="D164" s="179">
        <v>0.3528</v>
      </c>
      <c r="E164" s="185">
        <v>0.47</v>
      </c>
      <c r="F164" s="97">
        <v>7.867602647523711E-2</v>
      </c>
      <c r="G164" s="185">
        <v>0.108</v>
      </c>
      <c r="H164" s="97">
        <v>5.0801434811068101E-2</v>
      </c>
      <c r="I164" s="185">
        <v>0.42099999999999999</v>
      </c>
      <c r="J164" s="97">
        <v>7.7869975952229123E-2</v>
      </c>
    </row>
    <row r="165" spans="1:10">
      <c r="A165" s="45" t="s">
        <v>446</v>
      </c>
      <c r="B165" s="54">
        <v>108</v>
      </c>
      <c r="C165" s="176">
        <v>3.33</v>
      </c>
      <c r="D165" s="85">
        <v>0.39200000000000002</v>
      </c>
      <c r="E165" s="183">
        <v>0.51300000000000001</v>
      </c>
      <c r="F165" s="94">
        <v>9.4461416134417206E-2</v>
      </c>
      <c r="G165" s="183">
        <v>9.7000000000000003E-2</v>
      </c>
      <c r="H165" s="94">
        <v>5.9457214064403421E-2</v>
      </c>
      <c r="I165" s="183">
        <v>0.39</v>
      </c>
      <c r="J165" s="94">
        <v>9.2340374245199169E-2</v>
      </c>
    </row>
    <row r="166" spans="1:10">
      <c r="A166" s="49" t="s">
        <v>447</v>
      </c>
      <c r="B166" s="184">
        <v>90</v>
      </c>
      <c r="C166" s="178">
        <v>3.5</v>
      </c>
      <c r="D166" s="179">
        <v>0.45080000000000003</v>
      </c>
      <c r="E166" s="185">
        <v>0.49299999999999999</v>
      </c>
      <c r="F166" s="97">
        <v>0.10313285822744941</v>
      </c>
      <c r="G166" s="185">
        <v>0.18</v>
      </c>
      <c r="H166" s="97">
        <v>8.1509553114193251E-2</v>
      </c>
      <c r="I166" s="185">
        <v>0.32700000000000001</v>
      </c>
      <c r="J166" s="97">
        <v>9.7318069057186457E-2</v>
      </c>
    </row>
    <row r="167" spans="1:10" ht="25.5">
      <c r="A167" s="57" t="s">
        <v>448</v>
      </c>
      <c r="B167" s="182">
        <v>126</v>
      </c>
      <c r="C167" s="176">
        <v>3.73</v>
      </c>
      <c r="D167" s="85">
        <v>0.37240000000000001</v>
      </c>
      <c r="E167" s="183">
        <v>0.40400000000000003</v>
      </c>
      <c r="F167" s="94">
        <v>8.6173780280482393E-2</v>
      </c>
      <c r="G167" s="183">
        <v>0.158</v>
      </c>
      <c r="H167" s="94">
        <v>6.5661849236466688E-2</v>
      </c>
      <c r="I167" s="183">
        <v>0.437</v>
      </c>
      <c r="J167" s="94">
        <v>8.7049320859933735E-2</v>
      </c>
    </row>
    <row r="168" spans="1:10">
      <c r="A168" s="49" t="s">
        <v>457</v>
      </c>
      <c r="B168" s="184">
        <v>651</v>
      </c>
      <c r="C168" s="178">
        <v>3.65</v>
      </c>
      <c r="D168" s="179">
        <v>0.1764</v>
      </c>
      <c r="E168" s="185">
        <v>0.498</v>
      </c>
      <c r="F168" s="97">
        <v>3.9072924477327124E-2</v>
      </c>
      <c r="G168" s="185">
        <v>7.5999999999999998E-2</v>
      </c>
      <c r="H168" s="97">
        <v>2.1028956098259242E-2</v>
      </c>
      <c r="I168" s="185">
        <v>0.42499999999999999</v>
      </c>
      <c r="J168" s="97">
        <v>3.8636571885931351E-2</v>
      </c>
    </row>
    <row r="169" spans="1:10">
      <c r="A169" s="57" t="s">
        <v>449</v>
      </c>
      <c r="B169" s="182">
        <v>123</v>
      </c>
      <c r="C169" s="176">
        <v>4.1399999999999997</v>
      </c>
      <c r="D169" s="85">
        <v>0.37240000000000001</v>
      </c>
      <c r="E169" s="183">
        <v>0.34499999999999997</v>
      </c>
      <c r="F169" s="94">
        <v>8.4641821158961961E-2</v>
      </c>
      <c r="G169" s="183">
        <v>9.9000000000000005E-2</v>
      </c>
      <c r="H169" s="94">
        <v>5.5887593016771722E-2</v>
      </c>
      <c r="I169" s="183">
        <v>0.55600000000000005</v>
      </c>
      <c r="J169" s="94">
        <v>8.8212062379561126E-2</v>
      </c>
    </row>
    <row r="170" spans="1:10">
      <c r="A170" s="49" t="s">
        <v>450</v>
      </c>
      <c r="B170" s="184">
        <v>95</v>
      </c>
      <c r="C170" s="178">
        <v>3.47</v>
      </c>
      <c r="D170" s="179">
        <v>0.47039999999999998</v>
      </c>
      <c r="E170" s="185">
        <v>0.55200000000000005</v>
      </c>
      <c r="F170" s="97">
        <v>0.10000203852610297</v>
      </c>
      <c r="G170" s="185">
        <v>1E-3</v>
      </c>
      <c r="H170" s="97">
        <v>2.8929592107683665E-2</v>
      </c>
      <c r="I170" s="185">
        <v>0.44700000000000001</v>
      </c>
      <c r="J170" s="97">
        <v>9.9982504377488665E-2</v>
      </c>
    </row>
    <row r="171" spans="1:10" ht="25.5">
      <c r="A171" s="57" t="s">
        <v>451</v>
      </c>
      <c r="B171" s="182">
        <v>164</v>
      </c>
      <c r="C171" s="176">
        <v>3.47</v>
      </c>
      <c r="D171" s="85">
        <v>0.3332</v>
      </c>
      <c r="E171" s="183">
        <v>0.55200000000000005</v>
      </c>
      <c r="F171" s="94">
        <v>7.6753040737801717E-2</v>
      </c>
      <c r="G171" s="183">
        <v>3.6999999999999998E-2</v>
      </c>
      <c r="H171" s="94">
        <v>3.2992612175422945E-2</v>
      </c>
      <c r="I171" s="183">
        <v>0.41099999999999998</v>
      </c>
      <c r="J171" s="94">
        <v>7.5978020022299975E-2</v>
      </c>
    </row>
    <row r="172" spans="1:10">
      <c r="A172" s="49" t="s">
        <v>452</v>
      </c>
      <c r="B172" s="184">
        <v>75</v>
      </c>
      <c r="C172" s="178">
        <v>4.34</v>
      </c>
      <c r="D172" s="179">
        <v>0.49</v>
      </c>
      <c r="E172" s="185">
        <v>0.36299999999999999</v>
      </c>
      <c r="F172" s="97">
        <v>0.1086356214274958</v>
      </c>
      <c r="G172" s="185">
        <v>4.2000000000000003E-2</v>
      </c>
      <c r="H172" s="97">
        <v>5.5547973938602786E-2</v>
      </c>
      <c r="I172" s="185">
        <v>0.59599999999999997</v>
      </c>
      <c r="J172" s="97">
        <v>0.11062392417325513</v>
      </c>
    </row>
    <row r="173" spans="1:10">
      <c r="A173" s="57" t="s">
        <v>453</v>
      </c>
      <c r="B173" s="182">
        <v>80</v>
      </c>
      <c r="C173" s="176">
        <v>3.62</v>
      </c>
      <c r="D173" s="85">
        <v>0.49</v>
      </c>
      <c r="E173" s="183">
        <v>0.52700000000000002</v>
      </c>
      <c r="F173" s="94">
        <v>0.10896455856972685</v>
      </c>
      <c r="G173" s="183">
        <v>0.152</v>
      </c>
      <c r="H173" s="94">
        <v>8.1694874246393892E-2</v>
      </c>
      <c r="I173" s="183">
        <v>0.32100000000000001</v>
      </c>
      <c r="J173" s="94">
        <v>0.10257119907671233</v>
      </c>
    </row>
    <row r="174" spans="1:10">
      <c r="A174" s="49" t="s">
        <v>454</v>
      </c>
      <c r="B174" s="184">
        <v>114</v>
      </c>
      <c r="C174" s="178">
        <v>3.44</v>
      </c>
      <c r="D174" s="179">
        <v>0.39200000000000002</v>
      </c>
      <c r="E174" s="185">
        <v>0.52600000000000002</v>
      </c>
      <c r="F174" s="97">
        <v>9.1941221776206228E-2</v>
      </c>
      <c r="G174" s="185">
        <v>0.121</v>
      </c>
      <c r="H174" s="97">
        <v>6.2688986331332644E-2</v>
      </c>
      <c r="I174" s="185">
        <v>0.35299999999999998</v>
      </c>
      <c r="J174" s="97">
        <v>8.8266005156102376E-2</v>
      </c>
    </row>
    <row r="177" spans="1:12" ht="18.75">
      <c r="A177" s="322" t="s">
        <v>13</v>
      </c>
      <c r="B177" s="322"/>
      <c r="C177" s="322"/>
      <c r="D177" s="322"/>
      <c r="E177" s="322"/>
      <c r="F177" s="322"/>
      <c r="G177" s="322"/>
      <c r="H177" s="322"/>
      <c r="I177" s="322"/>
      <c r="J177" s="322"/>
      <c r="K177" s="322"/>
      <c r="L177" s="322"/>
    </row>
    <row r="178" spans="1:12" ht="43.5" customHeight="1">
      <c r="A178" s="369" t="s">
        <v>389</v>
      </c>
      <c r="B178" s="369"/>
      <c r="C178" s="369"/>
      <c r="D178" s="369"/>
      <c r="E178" s="369"/>
      <c r="F178" s="369"/>
      <c r="G178" s="369"/>
      <c r="H178" s="369"/>
      <c r="I178" s="369"/>
      <c r="J178" s="369"/>
      <c r="K178" s="369"/>
      <c r="L178" s="369"/>
    </row>
    <row r="179" spans="1:12" ht="36" customHeight="1">
      <c r="A179" s="367" t="s">
        <v>160</v>
      </c>
      <c r="B179" s="368"/>
      <c r="C179" s="368"/>
      <c r="D179" s="368"/>
      <c r="E179" s="368"/>
      <c r="F179" s="368"/>
      <c r="G179" s="368"/>
      <c r="H179" s="368"/>
      <c r="I179" s="368"/>
      <c r="J179" s="368"/>
      <c r="K179" s="368"/>
      <c r="L179" s="368"/>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7</v>
      </c>
      <c r="L180" s="89" t="s">
        <v>356</v>
      </c>
    </row>
    <row r="181" spans="1:12" ht="72">
      <c r="A181" s="41"/>
      <c r="B181" s="42" t="s">
        <v>89</v>
      </c>
      <c r="C181" s="128" t="s">
        <v>361</v>
      </c>
      <c r="D181" s="44" t="s">
        <v>91</v>
      </c>
      <c r="E181" s="42" t="s">
        <v>181</v>
      </c>
      <c r="F181" s="91" t="s">
        <v>161</v>
      </c>
      <c r="G181" s="42" t="s">
        <v>182</v>
      </c>
      <c r="H181" s="91" t="s">
        <v>104</v>
      </c>
      <c r="I181" s="42" t="s">
        <v>183</v>
      </c>
      <c r="J181" s="91" t="s">
        <v>104</v>
      </c>
      <c r="K181" s="42" t="s">
        <v>357</v>
      </c>
      <c r="L181" s="91" t="s">
        <v>104</v>
      </c>
    </row>
    <row r="182" spans="1:12">
      <c r="A182" s="45" t="s">
        <v>436</v>
      </c>
      <c r="B182" s="186">
        <v>9355</v>
      </c>
      <c r="C182" s="176">
        <v>5.53</v>
      </c>
      <c r="D182" s="85">
        <v>1.9599999999999999E-2</v>
      </c>
      <c r="E182" s="183">
        <v>0.10299999999999999</v>
      </c>
      <c r="F182" s="94">
        <v>6.2884910624138122E-3</v>
      </c>
      <c r="G182" s="183">
        <v>0.10299999999999999</v>
      </c>
      <c r="H182" s="94">
        <v>6.2884910624138122E-3</v>
      </c>
      <c r="I182" s="183">
        <v>0.78500000000000003</v>
      </c>
      <c r="J182" s="94">
        <v>8.4949068833350856E-3</v>
      </c>
      <c r="K182" s="183">
        <v>8.9999999999999993E-3</v>
      </c>
      <c r="L182" s="94">
        <v>1.9748423193708372E-3</v>
      </c>
    </row>
    <row r="183" spans="1:12">
      <c r="A183" s="49" t="s">
        <v>437</v>
      </c>
      <c r="B183" s="49">
        <v>8720</v>
      </c>
      <c r="C183" s="178">
        <v>5.49</v>
      </c>
      <c r="D183" s="179">
        <v>3.1657919999999999E-2</v>
      </c>
      <c r="E183" s="185">
        <v>0.113</v>
      </c>
      <c r="F183" s="97">
        <v>6.7837599134595167E-3</v>
      </c>
      <c r="G183" s="185">
        <v>9.9900000000000003E-2</v>
      </c>
      <c r="H183" s="97">
        <v>6.4262026441540025E-3</v>
      </c>
      <c r="I183" s="185">
        <v>0.77959999999999996</v>
      </c>
      <c r="J183" s="97">
        <v>8.8777811750262552E-3</v>
      </c>
      <c r="K183" s="185">
        <v>0.01</v>
      </c>
      <c r="L183" s="97">
        <v>2.1540961222383994E-3</v>
      </c>
    </row>
    <row r="184" spans="1:12">
      <c r="A184" s="45" t="s">
        <v>438</v>
      </c>
      <c r="B184" s="53">
        <v>834</v>
      </c>
      <c r="C184" s="176">
        <v>5.35</v>
      </c>
      <c r="D184" s="85">
        <v>9.8000000000000004E-2</v>
      </c>
      <c r="E184" s="183">
        <v>0.1147</v>
      </c>
      <c r="F184" s="94">
        <v>2.2168563334956089E-2</v>
      </c>
      <c r="G184" s="183">
        <v>0.1343</v>
      </c>
      <c r="H184" s="94">
        <v>2.3686212780974557E-2</v>
      </c>
      <c r="I184" s="183">
        <v>0.73809999999999998</v>
      </c>
      <c r="J184" s="94">
        <v>3.0418583929971529E-2</v>
      </c>
      <c r="K184" s="183">
        <v>1.29E-2</v>
      </c>
      <c r="L184" s="94">
        <v>8.4597198687637407E-3</v>
      </c>
    </row>
    <row r="185" spans="1:12">
      <c r="A185" s="49" t="s">
        <v>439</v>
      </c>
      <c r="B185" s="49">
        <v>3531</v>
      </c>
      <c r="C185" s="178">
        <v>5.66</v>
      </c>
      <c r="D185" s="179">
        <v>3.9199999999999999E-2</v>
      </c>
      <c r="E185" s="185">
        <v>7.8E-2</v>
      </c>
      <c r="F185" s="97">
        <v>9.0460891820817197E-3</v>
      </c>
      <c r="G185" s="185">
        <v>9.7000000000000003E-2</v>
      </c>
      <c r="H185" s="97">
        <v>9.9763985799870853E-3</v>
      </c>
      <c r="I185" s="185">
        <v>0.81699999999999995</v>
      </c>
      <c r="J185" s="97">
        <v>1.3016724584176791E-2</v>
      </c>
      <c r="K185" s="185">
        <v>8.0000000000000002E-3</v>
      </c>
      <c r="L185" s="97">
        <v>3.0982955750624014E-3</v>
      </c>
    </row>
    <row r="186" spans="1:12">
      <c r="A186" s="45" t="s">
        <v>440</v>
      </c>
      <c r="B186" s="53">
        <v>3275</v>
      </c>
      <c r="C186" s="176">
        <v>5.61</v>
      </c>
      <c r="D186" s="85">
        <v>3.9199999999999999E-2</v>
      </c>
      <c r="E186" s="183">
        <v>8.4000000000000005E-2</v>
      </c>
      <c r="F186" s="94">
        <v>9.7148084962761436E-3</v>
      </c>
      <c r="G186" s="183">
        <v>0.105</v>
      </c>
      <c r="H186" s="94">
        <v>1.0728592315921095E-2</v>
      </c>
      <c r="I186" s="183">
        <v>0.80300000000000005</v>
      </c>
      <c r="J186" s="94">
        <v>1.390135841754948E-2</v>
      </c>
      <c r="K186" s="183">
        <v>8.9999999999999993E-3</v>
      </c>
      <c r="L186" s="94">
        <v>3.405469472939719E-3</v>
      </c>
    </row>
    <row r="187" spans="1:12">
      <c r="A187" s="49" t="s">
        <v>455</v>
      </c>
      <c r="B187" s="49">
        <v>556</v>
      </c>
      <c r="C187" s="178">
        <v>5.8</v>
      </c>
      <c r="D187" s="179">
        <v>0.1176</v>
      </c>
      <c r="E187" s="185">
        <v>5.7000000000000002E-2</v>
      </c>
      <c r="F187" s="97">
        <v>2.0097004829927042E-2</v>
      </c>
      <c r="G187" s="185">
        <v>9.2999999999999999E-2</v>
      </c>
      <c r="H187" s="97">
        <v>2.4886738121526614E-2</v>
      </c>
      <c r="I187" s="185">
        <v>0.83799999999999997</v>
      </c>
      <c r="J187" s="97">
        <v>3.1325734328110096E-2</v>
      </c>
      <c r="K187" s="185">
        <v>1.2E-2</v>
      </c>
      <c r="L187" s="97">
        <v>1.0435484429434407E-2</v>
      </c>
    </row>
    <row r="188" spans="1:12">
      <c r="A188" s="45" t="s">
        <v>441</v>
      </c>
      <c r="B188" s="53">
        <v>112</v>
      </c>
      <c r="C188" s="176">
        <v>5.72</v>
      </c>
      <c r="D188" s="85">
        <v>0.25480000000000003</v>
      </c>
      <c r="E188" s="183">
        <v>0.107</v>
      </c>
      <c r="F188" s="94">
        <v>6.0463441774491734E-2</v>
      </c>
      <c r="G188" s="183">
        <v>7.0000000000000007E-2</v>
      </c>
      <c r="H188" s="94">
        <v>5.1739355668651066E-2</v>
      </c>
      <c r="I188" s="183">
        <v>0.81499999999999995</v>
      </c>
      <c r="J188" s="94">
        <v>7.3695580484637827E-2</v>
      </c>
      <c r="K188" s="183">
        <v>8.9999999999999993E-3</v>
      </c>
      <c r="L188" s="94">
        <v>2.9512484753483104E-2</v>
      </c>
    </row>
    <row r="189" spans="1:12">
      <c r="A189" s="49" t="s">
        <v>442</v>
      </c>
      <c r="B189" s="49">
        <v>170</v>
      </c>
      <c r="C189" s="178">
        <v>5.8</v>
      </c>
      <c r="D189" s="179">
        <v>0.19600000000000001</v>
      </c>
      <c r="E189" s="185">
        <v>3.3000000000000002E-2</v>
      </c>
      <c r="F189" s="97">
        <v>3.1007165156883523E-2</v>
      </c>
      <c r="G189" s="185">
        <v>0.129</v>
      </c>
      <c r="H189" s="97">
        <v>5.2218502579726385E-2</v>
      </c>
      <c r="I189" s="185">
        <v>0.81799999999999995</v>
      </c>
      <c r="J189" s="97">
        <v>5.9397731712727581E-2</v>
      </c>
      <c r="K189" s="185">
        <v>0.02</v>
      </c>
      <c r="L189" s="97">
        <v>2.6292494291300303E-2</v>
      </c>
    </row>
    <row r="190" spans="1:12">
      <c r="A190" s="45" t="s">
        <v>443</v>
      </c>
      <c r="B190" s="53">
        <v>134</v>
      </c>
      <c r="C190" s="176">
        <v>5.86</v>
      </c>
      <c r="D190" s="85">
        <v>0.23519999999999999</v>
      </c>
      <c r="E190" s="183">
        <v>0.08</v>
      </c>
      <c r="F190" s="94">
        <v>4.9248816008053614E-2</v>
      </c>
      <c r="G190" s="183">
        <v>6.4000000000000001E-2</v>
      </c>
      <c r="H190" s="94">
        <v>4.5289518570478533E-2</v>
      </c>
      <c r="I190" s="183">
        <v>0.84799999999999998</v>
      </c>
      <c r="J190" s="94">
        <v>6.2742809518680012E-2</v>
      </c>
      <c r="K190" s="183">
        <v>8.0000000000000002E-3</v>
      </c>
      <c r="L190" s="94">
        <v>2.5117303494278671E-2</v>
      </c>
    </row>
    <row r="191" spans="1:12">
      <c r="A191" s="49" t="s">
        <v>444</v>
      </c>
      <c r="B191" s="49">
        <v>140</v>
      </c>
      <c r="C191" s="178">
        <v>5.81</v>
      </c>
      <c r="D191" s="179">
        <v>0.21559999999999999</v>
      </c>
      <c r="E191" s="185">
        <v>0.04</v>
      </c>
      <c r="F191" s="97">
        <v>3.7264923912223594E-2</v>
      </c>
      <c r="G191" s="185">
        <v>8.5999999999999993E-2</v>
      </c>
      <c r="H191" s="97">
        <v>4.9439567487320646E-2</v>
      </c>
      <c r="I191" s="185">
        <v>0.86599999999999999</v>
      </c>
      <c r="J191" s="97">
        <v>5.8543108259566795E-2</v>
      </c>
      <c r="K191" s="185">
        <v>8.0000000000000002E-3</v>
      </c>
      <c r="L191" s="97">
        <v>2.4265443090845502E-2</v>
      </c>
    </row>
    <row r="192" spans="1:12">
      <c r="A192" s="45" t="s">
        <v>456</v>
      </c>
      <c r="B192" s="186">
        <v>506</v>
      </c>
      <c r="C192" s="176">
        <v>5.5</v>
      </c>
      <c r="D192" s="85">
        <v>0.13720000000000002</v>
      </c>
      <c r="E192" s="183">
        <v>0.107</v>
      </c>
      <c r="F192" s="94">
        <v>2.7719070877124732E-2</v>
      </c>
      <c r="G192" s="183">
        <v>0.112</v>
      </c>
      <c r="H192" s="94">
        <v>2.8257667892262896E-2</v>
      </c>
      <c r="I192" s="183">
        <v>0.77300000000000002</v>
      </c>
      <c r="J192" s="94">
        <v>3.7220645516656103E-2</v>
      </c>
      <c r="K192" s="183">
        <v>8.0000000000000002E-3</v>
      </c>
      <c r="L192" s="94">
        <v>9.5868340411539264E-3</v>
      </c>
    </row>
    <row r="193" spans="1:12" ht="25.5">
      <c r="A193" s="49" t="s">
        <v>445</v>
      </c>
      <c r="B193" s="187">
        <v>169</v>
      </c>
      <c r="C193" s="178">
        <v>4.8899999999999997</v>
      </c>
      <c r="D193" s="179">
        <v>0.25480000000000003</v>
      </c>
      <c r="E193" s="185">
        <v>0.20899999999999999</v>
      </c>
      <c r="F193" s="97">
        <v>6.2545172402247051E-2</v>
      </c>
      <c r="G193" s="185">
        <v>0.17499999999999999</v>
      </c>
      <c r="H193" s="97">
        <v>5.8734816233300235E-2</v>
      </c>
      <c r="I193" s="185">
        <v>0.60199999999999998</v>
      </c>
      <c r="J193" s="97">
        <v>7.4503605508948231E-2</v>
      </c>
      <c r="K193" s="185">
        <v>1.2999999999999999E-2</v>
      </c>
      <c r="L193" s="97">
        <v>2.3394857592982741E-2</v>
      </c>
    </row>
    <row r="194" spans="1:12">
      <c r="A194" s="45" t="s">
        <v>446</v>
      </c>
      <c r="B194" s="83">
        <v>113</v>
      </c>
      <c r="C194" s="176">
        <v>5.99</v>
      </c>
      <c r="D194" s="85">
        <v>0.23519999999999999</v>
      </c>
      <c r="E194" s="183">
        <v>3.1E-2</v>
      </c>
      <c r="F194" s="94">
        <v>3.9145563628591319E-2</v>
      </c>
      <c r="G194" s="183">
        <v>4.3999999999999997E-2</v>
      </c>
      <c r="H194" s="94">
        <v>4.3770499392261207E-2</v>
      </c>
      <c r="I194" s="183">
        <v>0.91200000000000003</v>
      </c>
      <c r="J194" s="94">
        <v>5.5980468780507948E-2</v>
      </c>
      <c r="K194" s="183">
        <v>1.4E-2</v>
      </c>
      <c r="L194" s="94">
        <v>3.1853340653333721E-2</v>
      </c>
    </row>
    <row r="195" spans="1:12">
      <c r="A195" s="49" t="s">
        <v>447</v>
      </c>
      <c r="B195" s="187">
        <v>93</v>
      </c>
      <c r="C195" s="178">
        <v>5.56</v>
      </c>
      <c r="D195" s="179">
        <v>0.29399999999999998</v>
      </c>
      <c r="E195" s="185">
        <v>8.5000000000000006E-2</v>
      </c>
      <c r="F195" s="97">
        <v>6.1488832338221527E-2</v>
      </c>
      <c r="G195" s="185">
        <v>9.0999999999999998E-2</v>
      </c>
      <c r="H195" s="97">
        <v>6.2994324690706524E-2</v>
      </c>
      <c r="I195" s="185">
        <v>0.82399999999999995</v>
      </c>
      <c r="J195" s="97">
        <v>7.956150517025519E-2</v>
      </c>
      <c r="K195" s="185">
        <v>0</v>
      </c>
      <c r="L195" s="97">
        <v>2.885686812463846E-2</v>
      </c>
    </row>
    <row r="196" spans="1:12" ht="25.5">
      <c r="A196" s="57" t="s">
        <v>448</v>
      </c>
      <c r="B196" s="186">
        <v>131</v>
      </c>
      <c r="C196" s="176">
        <v>5.77</v>
      </c>
      <c r="D196" s="85">
        <v>0.23519999999999999</v>
      </c>
      <c r="E196" s="183">
        <v>6.8000000000000005E-2</v>
      </c>
      <c r="F196" s="94">
        <v>4.6910903731316976E-2</v>
      </c>
      <c r="G196" s="183">
        <v>0.127</v>
      </c>
      <c r="H196" s="94">
        <v>5.9377895388803899E-2</v>
      </c>
      <c r="I196" s="183">
        <v>0.80500000000000005</v>
      </c>
      <c r="J196" s="94">
        <v>6.9368778237749271E-2</v>
      </c>
      <c r="K196" s="183">
        <v>0</v>
      </c>
      <c r="L196" s="94">
        <v>2.07955380376675E-2</v>
      </c>
    </row>
    <row r="197" spans="1:12">
      <c r="A197" s="49" t="s">
        <v>457</v>
      </c>
      <c r="B197" s="187">
        <v>731</v>
      </c>
      <c r="C197" s="178">
        <v>5.63</v>
      </c>
      <c r="D197" s="179">
        <v>9.8000000000000004E-2</v>
      </c>
      <c r="E197" s="185">
        <v>8.5999999999999993E-2</v>
      </c>
      <c r="F197" s="97">
        <v>2.0926103661951207E-2</v>
      </c>
      <c r="G197" s="185">
        <v>9.1999999999999998E-2</v>
      </c>
      <c r="H197" s="97">
        <v>2.1551131775613703E-2</v>
      </c>
      <c r="I197" s="185">
        <v>0.81899999999999995</v>
      </c>
      <c r="J197" s="97">
        <v>2.8508844679477063E-2</v>
      </c>
      <c r="K197" s="185">
        <v>3.0000000000000001E-3</v>
      </c>
      <c r="L197" s="97">
        <v>5.5560067862473464E-3</v>
      </c>
    </row>
    <row r="198" spans="1:12">
      <c r="A198" s="57" t="s">
        <v>449</v>
      </c>
      <c r="B198" s="186">
        <v>133</v>
      </c>
      <c r="C198" s="176">
        <v>5.35</v>
      </c>
      <c r="D198" s="85">
        <v>0.25480000000000003</v>
      </c>
      <c r="E198" s="183">
        <v>0.21199999999999999</v>
      </c>
      <c r="F198" s="94">
        <v>7.0830060430565722E-2</v>
      </c>
      <c r="G198" s="183">
        <v>8.4000000000000005E-2</v>
      </c>
      <c r="H198" s="94">
        <v>5.0371447969937207E-2</v>
      </c>
      <c r="I198" s="183">
        <v>0.70399999999999996</v>
      </c>
      <c r="J198" s="94">
        <v>7.8448207846598214E-2</v>
      </c>
      <c r="K198" s="183">
        <v>0</v>
      </c>
      <c r="L198" s="94">
        <v>2.0494202685054641E-2</v>
      </c>
    </row>
    <row r="199" spans="1:12">
      <c r="A199" s="49" t="s">
        <v>450</v>
      </c>
      <c r="B199" s="187">
        <v>108</v>
      </c>
      <c r="C199" s="178">
        <v>5.8</v>
      </c>
      <c r="D199" s="179">
        <v>0.21559999999999999</v>
      </c>
      <c r="E199" s="185">
        <v>0.02</v>
      </c>
      <c r="F199" s="97">
        <v>3.5738767119455297E-2</v>
      </c>
      <c r="G199" s="185">
        <v>0.123</v>
      </c>
      <c r="H199" s="97">
        <v>6.4873994470262861E-2</v>
      </c>
      <c r="I199" s="185">
        <v>0.85699999999999998</v>
      </c>
      <c r="J199" s="97">
        <v>6.8528392838297342E-2</v>
      </c>
      <c r="K199" s="185">
        <v>0</v>
      </c>
      <c r="L199" s="97">
        <v>2.5027317436669111E-2</v>
      </c>
    </row>
    <row r="200" spans="1:12" ht="25.5">
      <c r="A200" s="57" t="s">
        <v>451</v>
      </c>
      <c r="B200" s="186">
        <v>185</v>
      </c>
      <c r="C200" s="176">
        <v>6.03</v>
      </c>
      <c r="D200" s="85">
        <v>0.1764</v>
      </c>
      <c r="E200" s="183">
        <v>3.2000000000000001E-2</v>
      </c>
      <c r="F200" s="94">
        <v>2.9149769376407026E-2</v>
      </c>
      <c r="G200" s="183">
        <v>4.1000000000000002E-2</v>
      </c>
      <c r="H200" s="94">
        <v>3.1919988244012473E-2</v>
      </c>
      <c r="I200" s="183">
        <v>0.92300000000000004</v>
      </c>
      <c r="J200" s="94">
        <v>4.0776736069302572E-2</v>
      </c>
      <c r="K200" s="183">
        <v>5.0000000000000001E-3</v>
      </c>
      <c r="L200" s="94">
        <v>1.7957432326403393E-2</v>
      </c>
    </row>
    <row r="201" spans="1:12">
      <c r="A201" s="49" t="s">
        <v>452</v>
      </c>
      <c r="B201" s="187">
        <v>82</v>
      </c>
      <c r="C201" s="178">
        <v>5.66</v>
      </c>
      <c r="D201" s="179">
        <v>0.31359999999999999</v>
      </c>
      <c r="E201" s="185">
        <v>6.4000000000000001E-2</v>
      </c>
      <c r="F201" s="97">
        <v>5.9913157372587171E-2</v>
      </c>
      <c r="G201" s="185">
        <v>0.08</v>
      </c>
      <c r="H201" s="97">
        <v>6.4565701400792763E-2</v>
      </c>
      <c r="I201" s="185">
        <v>0.85599999999999998</v>
      </c>
      <c r="J201" s="97">
        <v>7.9175760726984956E-2</v>
      </c>
      <c r="K201" s="185">
        <v>0</v>
      </c>
      <c r="L201" s="97">
        <v>3.2504011252172456E-2</v>
      </c>
    </row>
    <row r="202" spans="1:12">
      <c r="A202" s="57" t="s">
        <v>453</v>
      </c>
      <c r="B202" s="186">
        <v>93</v>
      </c>
      <c r="C202" s="176">
        <v>5.78</v>
      </c>
      <c r="D202" s="85">
        <v>0.25480000000000003</v>
      </c>
      <c r="E202" s="183">
        <v>3.1E-2</v>
      </c>
      <c r="F202" s="94">
        <v>4.4400273904031902E-2</v>
      </c>
      <c r="G202" s="183">
        <v>0.12</v>
      </c>
      <c r="H202" s="94">
        <v>6.9538604933267328E-2</v>
      </c>
      <c r="I202" s="183">
        <v>0.84899999999999998</v>
      </c>
      <c r="J202" s="94">
        <v>7.5447071843523159E-2</v>
      </c>
      <c r="K202" s="183">
        <v>0</v>
      </c>
      <c r="L202" s="94">
        <v>2.885686812463846E-2</v>
      </c>
    </row>
    <row r="203" spans="1:12">
      <c r="A203" s="49" t="s">
        <v>454</v>
      </c>
      <c r="B203" s="187">
        <v>130</v>
      </c>
      <c r="C203" s="178">
        <v>5.12</v>
      </c>
      <c r="D203" s="179">
        <v>0.23519999999999999</v>
      </c>
      <c r="E203" s="185">
        <v>0.16500000000000001</v>
      </c>
      <c r="F203" s="97">
        <v>6.564831675326728E-2</v>
      </c>
      <c r="G203" s="185">
        <v>0.113</v>
      </c>
      <c r="H203" s="97">
        <v>5.7051686075099167E-2</v>
      </c>
      <c r="I203" s="185">
        <v>0.71399999999999997</v>
      </c>
      <c r="J203" s="97">
        <v>7.8587774341717723E-2</v>
      </c>
      <c r="K203" s="185">
        <v>7.0000000000000001E-3</v>
      </c>
      <c r="L203" s="97">
        <v>2.5182803362248769E-2</v>
      </c>
    </row>
  </sheetData>
  <mergeCells count="23">
    <mergeCell ref="B34:H34"/>
    <mergeCell ref="I34:O34"/>
    <mergeCell ref="A61:D61"/>
    <mergeCell ref="A62:D62"/>
    <mergeCell ref="A63:D63"/>
    <mergeCell ref="A3:D3"/>
    <mergeCell ref="A4:D4"/>
    <mergeCell ref="A5:D5"/>
    <mergeCell ref="A32:O32"/>
    <mergeCell ref="A33:O3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90"/>
  <sheetViews>
    <sheetView zoomScaleNormal="100" workbookViewId="0">
      <selection activeCell="A265" sqref="A265:S265"/>
    </sheetView>
  </sheetViews>
  <sheetFormatPr defaultColWidth="17.5703125" defaultRowHeight="15"/>
  <cols>
    <col min="1" max="1" width="40.85546875" customWidth="1"/>
  </cols>
  <sheetData>
    <row r="1" spans="1:55" ht="31.5">
      <c r="A1" s="33" t="s">
        <v>48</v>
      </c>
    </row>
    <row r="3" spans="1:55" ht="18.75">
      <c r="A3" s="322" t="s">
        <v>272</v>
      </c>
      <c r="B3" s="322"/>
      <c r="C3" s="322"/>
      <c r="D3" s="322"/>
      <c r="E3" s="322"/>
      <c r="F3" s="322"/>
      <c r="G3" s="322"/>
      <c r="H3" s="322"/>
      <c r="I3" s="322"/>
      <c r="J3" s="322"/>
      <c r="K3" s="322"/>
      <c r="L3" s="322"/>
      <c r="M3" s="322"/>
      <c r="N3" s="322"/>
      <c r="O3" s="322"/>
      <c r="P3" s="322"/>
      <c r="Q3" s="322"/>
      <c r="R3" s="322"/>
      <c r="S3" s="322"/>
      <c r="T3" s="322"/>
      <c r="U3" s="322"/>
      <c r="V3" s="322"/>
      <c r="W3" s="322"/>
      <c r="X3" s="227"/>
      <c r="Y3" s="227"/>
      <c r="Z3" s="227"/>
      <c r="AA3" s="227"/>
      <c r="AB3" s="227"/>
      <c r="AC3" s="227"/>
      <c r="AD3" s="227"/>
      <c r="AE3" s="227"/>
      <c r="AF3" s="227"/>
      <c r="AG3" s="227"/>
      <c r="AH3" s="227"/>
      <c r="AI3" s="227"/>
      <c r="AJ3" s="227"/>
      <c r="AK3" s="227"/>
      <c r="AL3" s="227"/>
      <c r="AM3" s="227"/>
      <c r="AN3" s="227"/>
      <c r="AO3" s="227"/>
      <c r="AP3" s="227"/>
      <c r="AQ3" s="227"/>
      <c r="AR3" s="249"/>
      <c r="AS3" s="249"/>
      <c r="AT3" s="249"/>
      <c r="AU3" s="249"/>
      <c r="AV3" s="249"/>
      <c r="AW3" s="249"/>
    </row>
    <row r="4" spans="1:55" ht="36.75" customHeight="1">
      <c r="A4" s="385" t="s">
        <v>497</v>
      </c>
      <c r="B4" s="385"/>
      <c r="C4" s="385"/>
      <c r="D4" s="385"/>
      <c r="E4" s="385"/>
      <c r="F4" s="385"/>
      <c r="G4" s="385"/>
      <c r="H4" s="385"/>
      <c r="I4" s="385"/>
      <c r="J4" s="385"/>
      <c r="K4" s="385"/>
      <c r="L4" s="385"/>
      <c r="M4" s="385"/>
      <c r="N4" s="385"/>
      <c r="O4" s="385"/>
      <c r="P4" s="385"/>
      <c r="Q4" s="385"/>
      <c r="R4" s="385"/>
      <c r="S4" s="385"/>
      <c r="T4" s="385"/>
      <c r="U4" s="385"/>
      <c r="V4" s="385"/>
      <c r="W4" s="385"/>
      <c r="X4" s="259"/>
      <c r="Y4" s="259"/>
      <c r="Z4" s="259"/>
      <c r="AA4" s="259"/>
      <c r="AB4" s="259"/>
      <c r="AC4" s="259"/>
      <c r="AD4" s="259"/>
      <c r="AE4" s="259"/>
      <c r="AF4" s="259"/>
      <c r="AG4" s="259"/>
      <c r="AH4" s="259"/>
      <c r="AI4" s="259"/>
      <c r="AJ4" s="259"/>
      <c r="AK4" s="259"/>
      <c r="AL4" s="259"/>
      <c r="AM4" s="259"/>
      <c r="AN4" s="259"/>
      <c r="AO4" s="259"/>
      <c r="AP4" s="259"/>
      <c r="AQ4" s="259"/>
      <c r="AR4" s="249"/>
      <c r="AS4" s="249"/>
      <c r="AT4" s="249"/>
      <c r="AU4" s="249"/>
      <c r="AV4" s="249"/>
      <c r="AW4" s="249"/>
    </row>
    <row r="5" spans="1:55" ht="34.5" customHeight="1">
      <c r="A5" s="64"/>
      <c r="B5" s="364" t="s">
        <v>270</v>
      </c>
      <c r="C5" s="365"/>
      <c r="D5" s="365"/>
      <c r="E5" s="365"/>
      <c r="F5" s="365"/>
      <c r="G5" s="365"/>
      <c r="H5" s="365"/>
      <c r="I5" s="365"/>
      <c r="J5" s="365"/>
      <c r="K5" s="365"/>
      <c r="L5" s="366"/>
      <c r="M5" s="367" t="s">
        <v>271</v>
      </c>
      <c r="N5" s="368"/>
      <c r="O5" s="368"/>
      <c r="P5" s="368"/>
      <c r="Q5" s="368"/>
      <c r="R5" s="368"/>
      <c r="S5" s="368"/>
      <c r="T5" s="368"/>
      <c r="U5" s="368"/>
      <c r="V5" s="368"/>
      <c r="W5" s="368"/>
      <c r="X5" s="249"/>
      <c r="Y5" s="249"/>
      <c r="Z5" s="249"/>
      <c r="AA5" s="249"/>
      <c r="AB5" s="249"/>
      <c r="AC5" s="249"/>
      <c r="AD5" s="249"/>
      <c r="AE5" s="249"/>
      <c r="AF5" s="249"/>
      <c r="AG5" s="249"/>
      <c r="AH5" s="249"/>
      <c r="AI5" s="249"/>
      <c r="AJ5" s="249"/>
      <c r="AK5" s="249"/>
      <c r="AL5" s="249"/>
      <c r="AM5" s="249"/>
      <c r="AN5" s="249"/>
      <c r="AO5" s="249"/>
      <c r="AP5" s="249"/>
      <c r="AQ5" s="249"/>
      <c r="AR5" s="249"/>
      <c r="AS5" s="249"/>
      <c r="AT5" s="249"/>
      <c r="AU5" s="249"/>
      <c r="AV5" s="249"/>
      <c r="AW5" s="249"/>
      <c r="AX5" s="249"/>
      <c r="AY5" s="249"/>
      <c r="AZ5" s="249"/>
      <c r="BA5" s="249"/>
    </row>
    <row r="6" spans="1:55" ht="49.5" customHeight="1">
      <c r="A6" s="37" t="s">
        <v>85</v>
      </c>
      <c r="B6" s="38" t="s">
        <v>86</v>
      </c>
      <c r="C6" s="39" t="s">
        <v>87</v>
      </c>
      <c r="D6" s="40" t="s">
        <v>88</v>
      </c>
      <c r="E6" s="38" t="s">
        <v>368</v>
      </c>
      <c r="F6" s="89" t="s">
        <v>162</v>
      </c>
      <c r="G6" s="38" t="s">
        <v>369</v>
      </c>
      <c r="H6" s="89" t="s">
        <v>163</v>
      </c>
      <c r="I6" s="38" t="s">
        <v>370</v>
      </c>
      <c r="J6" s="89" t="s">
        <v>136</v>
      </c>
      <c r="K6" s="38" t="s">
        <v>357</v>
      </c>
      <c r="L6" s="89" t="s">
        <v>371</v>
      </c>
      <c r="M6" s="65" t="s">
        <v>86</v>
      </c>
      <c r="N6" s="66" t="s">
        <v>87</v>
      </c>
      <c r="O6" s="67" t="s">
        <v>88</v>
      </c>
      <c r="P6" s="65" t="s">
        <v>368</v>
      </c>
      <c r="Q6" s="88" t="s">
        <v>162</v>
      </c>
      <c r="R6" s="65" t="s">
        <v>372</v>
      </c>
      <c r="S6" s="88" t="s">
        <v>373</v>
      </c>
      <c r="T6" s="65" t="s">
        <v>370</v>
      </c>
      <c r="U6" s="88" t="s">
        <v>136</v>
      </c>
      <c r="V6" s="65" t="s">
        <v>357</v>
      </c>
      <c r="W6" s="88" t="s">
        <v>371</v>
      </c>
      <c r="X6" s="249"/>
      <c r="Y6" s="249"/>
      <c r="Z6" s="249"/>
      <c r="AA6" s="249"/>
      <c r="AB6" s="249"/>
      <c r="AC6" s="249"/>
      <c r="AD6" s="249"/>
      <c r="AE6" s="249"/>
      <c r="AF6" s="249"/>
      <c r="AG6" s="249"/>
      <c r="AH6" s="249"/>
      <c r="AI6" s="249"/>
      <c r="AJ6" s="249"/>
      <c r="AK6" s="249"/>
      <c r="AL6" s="249"/>
      <c r="AM6" s="249"/>
      <c r="AN6" s="249"/>
      <c r="AO6" s="249"/>
      <c r="AP6" s="249"/>
      <c r="AQ6" s="249"/>
      <c r="AR6" s="249"/>
      <c r="AS6" s="249"/>
      <c r="AT6" s="249"/>
      <c r="AU6" s="249"/>
      <c r="AV6" s="249"/>
      <c r="AW6" s="249"/>
      <c r="AX6" s="249"/>
      <c r="AY6" s="249"/>
      <c r="AZ6" s="249"/>
      <c r="BA6" s="249"/>
      <c r="BB6" s="249"/>
      <c r="BC6" s="249"/>
    </row>
    <row r="7" spans="1:55" ht="72">
      <c r="A7" s="41"/>
      <c r="B7" s="42" t="s">
        <v>89</v>
      </c>
      <c r="C7" s="128" t="s">
        <v>360</v>
      </c>
      <c r="D7" s="44" t="s">
        <v>91</v>
      </c>
      <c r="E7" s="42" t="s">
        <v>181</v>
      </c>
      <c r="F7" s="91" t="s">
        <v>104</v>
      </c>
      <c r="G7" s="42" t="s">
        <v>182</v>
      </c>
      <c r="H7" s="91" t="s">
        <v>104</v>
      </c>
      <c r="I7" s="42" t="s">
        <v>183</v>
      </c>
      <c r="J7" s="91" t="s">
        <v>104</v>
      </c>
      <c r="K7" s="42" t="s">
        <v>357</v>
      </c>
      <c r="L7" s="91" t="s">
        <v>104</v>
      </c>
      <c r="M7" s="68" t="s">
        <v>89</v>
      </c>
      <c r="N7" s="273" t="s">
        <v>360</v>
      </c>
      <c r="O7" s="70" t="s">
        <v>91</v>
      </c>
      <c r="P7" s="68" t="s">
        <v>181</v>
      </c>
      <c r="Q7" s="90" t="s">
        <v>104</v>
      </c>
      <c r="R7" s="68" t="s">
        <v>182</v>
      </c>
      <c r="S7" s="90" t="s">
        <v>104</v>
      </c>
      <c r="T7" s="68" t="s">
        <v>183</v>
      </c>
      <c r="U7" s="90" t="s">
        <v>104</v>
      </c>
      <c r="V7" s="68" t="s">
        <v>357</v>
      </c>
      <c r="W7" s="90" t="s">
        <v>104</v>
      </c>
    </row>
    <row r="8" spans="1:55">
      <c r="A8" s="45" t="s">
        <v>436</v>
      </c>
      <c r="B8" s="188">
        <v>10984</v>
      </c>
      <c r="C8" s="84">
        <v>4.8899999999999997</v>
      </c>
      <c r="D8" s="85">
        <v>3.9199999999999999E-2</v>
      </c>
      <c r="E8" s="190">
        <v>0.19600000000000001</v>
      </c>
      <c r="F8" s="94">
        <v>7.5756414386888137E-3</v>
      </c>
      <c r="G8" s="190">
        <v>0.16200000000000001</v>
      </c>
      <c r="H8" s="94">
        <v>7.0320697110495085E-3</v>
      </c>
      <c r="I8" s="190">
        <v>0.63100000000000001</v>
      </c>
      <c r="J8" s="94">
        <v>9.2068312446001097E-3</v>
      </c>
      <c r="K8" s="190">
        <v>1.0999999999999999E-2</v>
      </c>
      <c r="L8" s="94">
        <v>2.0059126667579716E-3</v>
      </c>
      <c r="M8" s="188">
        <v>11074</v>
      </c>
      <c r="N8" s="84">
        <v>5.4</v>
      </c>
      <c r="O8" s="85">
        <v>1.9599999999999999E-2</v>
      </c>
      <c r="P8" s="190">
        <v>7.4999999999999997E-2</v>
      </c>
      <c r="Q8" s="94">
        <v>5.0340808005329817E-3</v>
      </c>
      <c r="R8" s="190">
        <v>0.115</v>
      </c>
      <c r="S8" s="94">
        <v>6.0947779751367942E-3</v>
      </c>
      <c r="T8" s="190">
        <v>0.68500000000000005</v>
      </c>
      <c r="U8" s="94">
        <v>8.8701825986047169E-3</v>
      </c>
      <c r="V8" s="190">
        <v>0.126</v>
      </c>
      <c r="W8" s="94">
        <v>6.3394104173580719E-3</v>
      </c>
    </row>
    <row r="9" spans="1:55">
      <c r="A9" s="49" t="s">
        <v>437</v>
      </c>
      <c r="B9" s="49">
        <v>8836</v>
      </c>
      <c r="C9" s="172">
        <v>4.7</v>
      </c>
      <c r="D9" s="132">
        <v>3.9199999999999999E-2</v>
      </c>
      <c r="E9" s="191">
        <v>0.249</v>
      </c>
      <c r="F9" s="97">
        <v>9.2000393856238021E-3</v>
      </c>
      <c r="G9" s="191">
        <v>0.161</v>
      </c>
      <c r="H9" s="97">
        <v>7.8210464800530181E-3</v>
      </c>
      <c r="I9" s="191">
        <v>0.58499999999999996</v>
      </c>
      <c r="J9" s="97">
        <v>1.0481216488890508E-2</v>
      </c>
      <c r="K9" s="191">
        <v>5.0000000000000001E-3</v>
      </c>
      <c r="L9" s="97">
        <v>1.5334419795925037E-3</v>
      </c>
      <c r="M9" s="49">
        <v>8821</v>
      </c>
      <c r="N9" s="172">
        <v>5.47</v>
      </c>
      <c r="O9" s="132">
        <v>3.9199999999999999E-2</v>
      </c>
      <c r="P9" s="191">
        <v>7.0999999999999994E-2</v>
      </c>
      <c r="Q9" s="97">
        <v>5.4746719709409608E-3</v>
      </c>
      <c r="R9" s="191">
        <v>0.10100000000000001</v>
      </c>
      <c r="S9" s="97">
        <v>6.4203389805858871E-3</v>
      </c>
      <c r="T9" s="191">
        <v>0.69499999999999995</v>
      </c>
      <c r="U9" s="97">
        <v>9.8028026851548992E-3</v>
      </c>
      <c r="V9" s="191">
        <v>0.13300000000000001</v>
      </c>
      <c r="W9" s="97">
        <v>7.2333213841521459E-3</v>
      </c>
    </row>
    <row r="10" spans="1:55">
      <c r="A10" s="45" t="s">
        <v>438</v>
      </c>
      <c r="B10" s="53">
        <v>1982</v>
      </c>
      <c r="C10" s="84">
        <v>5.34</v>
      </c>
      <c r="D10" s="85">
        <v>5.8799999999999998E-2</v>
      </c>
      <c r="E10" s="190">
        <v>8.5500000000000007E-2</v>
      </c>
      <c r="F10" s="94">
        <v>1.2604538787916123E-2</v>
      </c>
      <c r="G10" s="190">
        <v>0.15870000000000001</v>
      </c>
      <c r="H10" s="94">
        <v>1.6427267436820155E-2</v>
      </c>
      <c r="I10" s="190">
        <v>0.73740000000000006</v>
      </c>
      <c r="J10" s="94">
        <v>1.9760297484259556E-2</v>
      </c>
      <c r="K10" s="190">
        <v>1.8499999999999999E-2</v>
      </c>
      <c r="L10" s="94">
        <v>6.2008536355848401E-3</v>
      </c>
      <c r="M10" s="53">
        <v>1982</v>
      </c>
      <c r="N10" s="84">
        <v>5.31</v>
      </c>
      <c r="O10" s="85">
        <v>5.8799999999999998E-2</v>
      </c>
      <c r="P10" s="190">
        <v>7.5800000000000006E-2</v>
      </c>
      <c r="Q10" s="94">
        <v>1.1939633879621185E-2</v>
      </c>
      <c r="R10" s="190">
        <v>0.125</v>
      </c>
      <c r="S10" s="94">
        <v>1.4880585078639935E-2</v>
      </c>
      <c r="T10" s="190">
        <v>0.68089999999999995</v>
      </c>
      <c r="U10" s="94">
        <v>2.0925556405062211E-2</v>
      </c>
      <c r="V10" s="190">
        <v>0.1183</v>
      </c>
      <c r="W10" s="94">
        <v>1.4534842448889567E-2</v>
      </c>
    </row>
    <row r="11" spans="1:55">
      <c r="A11" s="49" t="s">
        <v>439</v>
      </c>
      <c r="B11" s="49">
        <v>3913</v>
      </c>
      <c r="C11" s="172">
        <v>4.97</v>
      </c>
      <c r="D11" s="132">
        <v>5.8799999999999998E-2</v>
      </c>
      <c r="E11" s="191">
        <v>0.17499999999999999</v>
      </c>
      <c r="F11" s="97">
        <v>1.2151314576018863E-2</v>
      </c>
      <c r="G11" s="191">
        <v>0.157</v>
      </c>
      <c r="H11" s="97">
        <v>1.1636181773811625E-2</v>
      </c>
      <c r="I11" s="191">
        <v>0.65200000000000002</v>
      </c>
      <c r="J11" s="97">
        <v>1.5223403607622209E-2</v>
      </c>
      <c r="K11" s="191">
        <v>1.6E-2</v>
      </c>
      <c r="L11" s="97">
        <v>4.0701275850326566E-3</v>
      </c>
      <c r="M11" s="49">
        <v>3951</v>
      </c>
      <c r="N11" s="172">
        <v>5.54</v>
      </c>
      <c r="O11" s="132">
        <v>3.9199999999999999E-2</v>
      </c>
      <c r="P11" s="191">
        <v>4.7E-2</v>
      </c>
      <c r="Q11" s="97">
        <v>6.7990763658779974E-3</v>
      </c>
      <c r="R11" s="191">
        <v>0.106</v>
      </c>
      <c r="S11" s="97">
        <v>9.8600272181403707E-3</v>
      </c>
      <c r="T11" s="191">
        <v>0.70099999999999996</v>
      </c>
      <c r="U11" s="97">
        <v>1.4642347519863758E-2</v>
      </c>
      <c r="V11" s="191">
        <v>0.14599999999999999</v>
      </c>
      <c r="W11" s="97">
        <v>1.1302683455434909E-2</v>
      </c>
    </row>
    <row r="12" spans="1:55">
      <c r="A12" s="45" t="s">
        <v>440</v>
      </c>
      <c r="B12" s="53">
        <v>3275</v>
      </c>
      <c r="C12" s="84">
        <v>4.8899999999999997</v>
      </c>
      <c r="D12" s="85">
        <v>5.8799999999999998E-2</v>
      </c>
      <c r="E12" s="190">
        <v>0.2</v>
      </c>
      <c r="F12" s="94">
        <v>1.3980313139759535E-2</v>
      </c>
      <c r="G12" s="190">
        <v>0.16700000000000001</v>
      </c>
      <c r="H12" s="94">
        <v>1.3039521806134156E-2</v>
      </c>
      <c r="I12" s="190">
        <v>0.627</v>
      </c>
      <c r="J12" s="94">
        <v>1.6892113287936814E-2</v>
      </c>
      <c r="K12" s="190">
        <v>6.0000000000000001E-3</v>
      </c>
      <c r="L12" s="94">
        <v>2.8286488279217867E-3</v>
      </c>
      <c r="M12" s="53">
        <v>2790</v>
      </c>
      <c r="N12" s="84">
        <v>5.62</v>
      </c>
      <c r="O12" s="85">
        <v>3.9199999999999999E-2</v>
      </c>
      <c r="P12" s="190">
        <v>4.9000000000000002E-2</v>
      </c>
      <c r="Q12" s="94">
        <v>7.5842789574272935E-3</v>
      </c>
      <c r="R12" s="190">
        <v>8.4000000000000005E-2</v>
      </c>
      <c r="S12" s="94">
        <v>9.7207717506371787E-3</v>
      </c>
      <c r="T12" s="190">
        <v>0.70699999999999996</v>
      </c>
      <c r="U12" s="94">
        <v>1.5910267668195647E-2</v>
      </c>
      <c r="V12" s="190">
        <v>0.16</v>
      </c>
      <c r="W12" s="94">
        <v>1.282565221686064E-2</v>
      </c>
    </row>
    <row r="13" spans="1:55">
      <c r="A13" s="49" t="s">
        <v>455</v>
      </c>
      <c r="B13" s="49">
        <v>576</v>
      </c>
      <c r="C13" s="172">
        <v>5.4</v>
      </c>
      <c r="D13" s="132">
        <v>0.1176</v>
      </c>
      <c r="E13" s="191">
        <v>0.104</v>
      </c>
      <c r="F13" s="97">
        <v>2.5642034558177134E-2</v>
      </c>
      <c r="G13" s="191">
        <v>0.13200000000000001</v>
      </c>
      <c r="H13" s="97">
        <v>2.8337555943992787E-2</v>
      </c>
      <c r="I13" s="191">
        <v>0.749</v>
      </c>
      <c r="J13" s="97">
        <v>3.6089088740651691E-2</v>
      </c>
      <c r="K13" s="191">
        <v>1.4E-2</v>
      </c>
      <c r="L13" s="97">
        <v>1.0843921484144509E-2</v>
      </c>
      <c r="M13" s="49">
        <v>581</v>
      </c>
      <c r="N13" s="172">
        <v>5.72</v>
      </c>
      <c r="O13" s="132">
        <v>9.8000000000000004E-2</v>
      </c>
      <c r="P13" s="191">
        <v>4.5999999999999999E-2</v>
      </c>
      <c r="Q13" s="97">
        <v>1.8015576249477486E-2</v>
      </c>
      <c r="R13" s="191">
        <v>6.2E-2</v>
      </c>
      <c r="S13" s="97">
        <v>2.0549947327569845E-2</v>
      </c>
      <c r="T13" s="191">
        <v>0.73399999999999999</v>
      </c>
      <c r="U13" s="97">
        <v>3.6893414364050123E-2</v>
      </c>
      <c r="V13" s="191">
        <v>0.157</v>
      </c>
      <c r="W13" s="97">
        <v>3.0502657014224971E-2</v>
      </c>
    </row>
    <row r="14" spans="1:55">
      <c r="A14" s="45" t="s">
        <v>441</v>
      </c>
      <c r="B14" s="53">
        <v>117</v>
      </c>
      <c r="C14" s="84">
        <v>5.18</v>
      </c>
      <c r="D14" s="85">
        <v>0.29399999999999998</v>
      </c>
      <c r="E14" s="190">
        <v>0.15</v>
      </c>
      <c r="F14" s="94">
        <v>6.6919293420876297E-2</v>
      </c>
      <c r="G14" s="190">
        <v>0.17699999999999999</v>
      </c>
      <c r="H14" s="94">
        <v>7.0991740212532323E-2</v>
      </c>
      <c r="I14" s="190">
        <v>0.67300000000000004</v>
      </c>
      <c r="J14" s="94">
        <v>8.5670340645097889E-2</v>
      </c>
      <c r="K14" s="190">
        <v>0</v>
      </c>
      <c r="L14" s="94">
        <v>2.3181440451602572E-2</v>
      </c>
      <c r="M14" s="53">
        <v>117</v>
      </c>
      <c r="N14" s="84">
        <v>5.93</v>
      </c>
      <c r="O14" s="85">
        <v>0.23519999999999999</v>
      </c>
      <c r="P14" s="190">
        <v>8.9999999999999993E-3</v>
      </c>
      <c r="Q14" s="94">
        <v>2.8707257438313913E-2</v>
      </c>
      <c r="R14" s="190">
        <v>4.8000000000000001E-2</v>
      </c>
      <c r="S14" s="94">
        <v>4.4380649770751152E-2</v>
      </c>
      <c r="T14" s="190">
        <v>0.83599999999999997</v>
      </c>
      <c r="U14" s="94">
        <v>6.9403400493059417E-2</v>
      </c>
      <c r="V14" s="190">
        <v>0.106</v>
      </c>
      <c r="W14" s="94">
        <v>5.9144056399670519E-2</v>
      </c>
    </row>
    <row r="15" spans="1:55">
      <c r="A15" s="49" t="s">
        <v>442</v>
      </c>
      <c r="B15" s="49">
        <v>174</v>
      </c>
      <c r="C15" s="172">
        <v>5.21</v>
      </c>
      <c r="D15" s="132">
        <v>0.23519999999999999</v>
      </c>
      <c r="E15" s="191">
        <v>0.129</v>
      </c>
      <c r="F15" s="97">
        <v>5.1598189472440277E-2</v>
      </c>
      <c r="G15" s="191">
        <v>0.107</v>
      </c>
      <c r="H15" s="97">
        <v>4.7973432111845536E-2</v>
      </c>
      <c r="I15" s="191">
        <v>0.747</v>
      </c>
      <c r="J15" s="97">
        <v>6.563470046731483E-2</v>
      </c>
      <c r="K15" s="191">
        <v>1.7999999999999999E-2</v>
      </c>
      <c r="L15" s="97">
        <v>2.5084221079813097E-2</v>
      </c>
      <c r="M15" s="49">
        <v>176</v>
      </c>
      <c r="N15" s="172">
        <v>5.55</v>
      </c>
      <c r="O15" s="132">
        <v>0.1764</v>
      </c>
      <c r="P15" s="191">
        <v>9.0999999999999998E-2</v>
      </c>
      <c r="Q15" s="97">
        <v>4.5286029438893691E-2</v>
      </c>
      <c r="R15" s="191">
        <v>4.2000000000000003E-2</v>
      </c>
      <c r="S15" s="97">
        <v>3.3595988024537296E-2</v>
      </c>
      <c r="T15" s="191">
        <v>0.76400000000000001</v>
      </c>
      <c r="U15" s="97">
        <v>6.4567793829431702E-2</v>
      </c>
      <c r="V15" s="191">
        <v>0.10299999999999999</v>
      </c>
      <c r="W15" s="97">
        <v>4.7547496790794605E-2</v>
      </c>
    </row>
    <row r="16" spans="1:55">
      <c r="A16" s="45" t="s">
        <v>443</v>
      </c>
      <c r="B16" s="53">
        <v>134</v>
      </c>
      <c r="C16" s="84">
        <v>5.28</v>
      </c>
      <c r="D16" s="85">
        <v>0.25480000000000003</v>
      </c>
      <c r="E16" s="190">
        <v>0.13300000000000001</v>
      </c>
      <c r="F16" s="94">
        <v>5.9710872874516471E-2</v>
      </c>
      <c r="G16" s="190">
        <v>0.108</v>
      </c>
      <c r="H16" s="94">
        <v>5.5197919431904323E-2</v>
      </c>
      <c r="I16" s="190">
        <v>0.72299999999999998</v>
      </c>
      <c r="J16" s="94">
        <v>7.672878270319812E-2</v>
      </c>
      <c r="K16" s="190">
        <v>3.6999999999999998E-2</v>
      </c>
      <c r="L16" s="94">
        <v>3.7252792610426501E-2</v>
      </c>
      <c r="M16" s="53">
        <v>136</v>
      </c>
      <c r="N16" s="84">
        <v>6.03</v>
      </c>
      <c r="O16" s="85">
        <v>0.19600000000000001</v>
      </c>
      <c r="P16" s="190">
        <v>1.6E-2</v>
      </c>
      <c r="Q16" s="94">
        <v>2.9056289965679067E-2</v>
      </c>
      <c r="R16" s="190">
        <v>9.8000000000000004E-2</v>
      </c>
      <c r="S16" s="94">
        <v>5.3195993820279022E-2</v>
      </c>
      <c r="T16" s="190">
        <v>0.74</v>
      </c>
      <c r="U16" s="94">
        <v>7.5313978000906528E-2</v>
      </c>
      <c r="V16" s="190">
        <v>0.14699999999999999</v>
      </c>
      <c r="W16" s="94">
        <v>6.1974753787808402E-2</v>
      </c>
    </row>
    <row r="17" spans="1:23">
      <c r="A17" s="49" t="s">
        <v>444</v>
      </c>
      <c r="B17" s="49">
        <v>151</v>
      </c>
      <c r="C17" s="172">
        <v>5.75</v>
      </c>
      <c r="D17" s="132">
        <v>0.1764</v>
      </c>
      <c r="E17" s="191">
        <v>3.9E-2</v>
      </c>
      <c r="F17" s="97">
        <v>3.5307421341874118E-2</v>
      </c>
      <c r="G17" s="191">
        <v>0.14699999999999999</v>
      </c>
      <c r="H17" s="97">
        <v>5.8307183430712069E-2</v>
      </c>
      <c r="I17" s="191">
        <v>0.80900000000000005</v>
      </c>
      <c r="J17" s="97">
        <v>6.4133623379206972E-2</v>
      </c>
      <c r="K17" s="191">
        <v>4.0000000000000001E-3</v>
      </c>
      <c r="L17" s="97">
        <v>2.064618061999721E-2</v>
      </c>
      <c r="M17" s="49">
        <v>152</v>
      </c>
      <c r="N17" s="172">
        <v>5.6</v>
      </c>
      <c r="O17" s="132">
        <v>0.19600000000000001</v>
      </c>
      <c r="P17" s="191">
        <v>0.04</v>
      </c>
      <c r="Q17" s="97">
        <v>3.5765997001016743E-2</v>
      </c>
      <c r="R17" s="191">
        <v>6.9000000000000006E-2</v>
      </c>
      <c r="S17" s="97">
        <v>4.377142471016595E-2</v>
      </c>
      <c r="T17" s="191">
        <v>0.64700000000000002</v>
      </c>
      <c r="U17" s="97">
        <v>7.7207591131750117E-2</v>
      </c>
      <c r="V17" s="191">
        <v>0.24299999999999999</v>
      </c>
      <c r="W17" s="97">
        <v>6.9756079085940947E-2</v>
      </c>
    </row>
    <row r="18" spans="1:23">
      <c r="A18" s="45" t="s">
        <v>456</v>
      </c>
      <c r="B18" s="188">
        <v>529</v>
      </c>
      <c r="C18" s="84">
        <v>4.66</v>
      </c>
      <c r="D18" s="85">
        <v>0.13720000000000002</v>
      </c>
      <c r="E18" s="190">
        <v>0.26</v>
      </c>
      <c r="F18" s="94">
        <v>3.8083673680528257E-2</v>
      </c>
      <c r="G18" s="190">
        <v>0.14799999999999999</v>
      </c>
      <c r="H18" s="94">
        <v>3.0987347657856924E-2</v>
      </c>
      <c r="I18" s="190">
        <v>0.57199999999999995</v>
      </c>
      <c r="J18" s="94">
        <v>4.2870153151827885E-2</v>
      </c>
      <c r="K18" s="190">
        <v>0.02</v>
      </c>
      <c r="L18" s="94">
        <v>1.315093077998924E-2</v>
      </c>
      <c r="M18" s="188">
        <v>532</v>
      </c>
      <c r="N18" s="84">
        <v>5.56</v>
      </c>
      <c r="O18" s="85">
        <v>0.1176</v>
      </c>
      <c r="P18" s="190">
        <v>3.5999999999999997E-2</v>
      </c>
      <c r="Q18" s="94">
        <v>1.6956652470317878E-2</v>
      </c>
      <c r="R18" s="190">
        <v>0.13300000000000001</v>
      </c>
      <c r="S18" s="94">
        <v>2.981559642954101E-2</v>
      </c>
      <c r="T18" s="190">
        <v>0.70299999999999996</v>
      </c>
      <c r="U18" s="94">
        <v>3.983041833983935E-2</v>
      </c>
      <c r="V18" s="190">
        <v>0.127</v>
      </c>
      <c r="W18" s="94">
        <v>2.9254762658830983E-2</v>
      </c>
    </row>
    <row r="19" spans="1:23" ht="25.5">
      <c r="A19" s="49" t="s">
        <v>445</v>
      </c>
      <c r="B19" s="189">
        <v>175</v>
      </c>
      <c r="C19" s="172">
        <v>4.07</v>
      </c>
      <c r="D19" s="132">
        <v>0.25480000000000003</v>
      </c>
      <c r="E19" s="191">
        <v>0.42899999999999999</v>
      </c>
      <c r="F19" s="97">
        <v>7.4019743525711779E-2</v>
      </c>
      <c r="G19" s="191">
        <v>0.11799999999999999</v>
      </c>
      <c r="H19" s="97">
        <v>4.969738016311441E-2</v>
      </c>
      <c r="I19" s="191">
        <v>0.44600000000000001</v>
      </c>
      <c r="J19" s="97">
        <v>7.432570145608422E-2</v>
      </c>
      <c r="K19" s="191">
        <v>7.0000000000000001E-3</v>
      </c>
      <c r="L19" s="97">
        <v>1.9883547081739516E-2</v>
      </c>
      <c r="M19" s="189">
        <v>175</v>
      </c>
      <c r="N19" s="172">
        <v>5.46</v>
      </c>
      <c r="O19" s="132">
        <v>0.21559999999999999</v>
      </c>
      <c r="P19" s="191">
        <v>2.3E-2</v>
      </c>
      <c r="Q19" s="97">
        <v>2.7158707240032828E-2</v>
      </c>
      <c r="R19" s="191">
        <v>0.17799999999999999</v>
      </c>
      <c r="S19" s="97">
        <v>5.8406200843582078E-2</v>
      </c>
      <c r="T19" s="191">
        <v>0.57599999999999996</v>
      </c>
      <c r="U19" s="97">
        <v>7.4330474819065268E-2</v>
      </c>
      <c r="V19" s="191">
        <v>0.223</v>
      </c>
      <c r="W19" s="97">
        <v>6.3191895213675867E-2</v>
      </c>
    </row>
    <row r="20" spans="1:23">
      <c r="A20" s="45" t="s">
        <v>446</v>
      </c>
      <c r="B20" s="54">
        <v>122</v>
      </c>
      <c r="C20" s="84">
        <v>5.36</v>
      </c>
      <c r="D20" s="85">
        <v>0.27440000000000003</v>
      </c>
      <c r="E20" s="190">
        <v>7.8E-2</v>
      </c>
      <c r="F20" s="94">
        <v>5.1344910786032517E-2</v>
      </c>
      <c r="G20" s="190">
        <v>0.19500000000000001</v>
      </c>
      <c r="H20" s="94">
        <v>7.1887830974890682E-2</v>
      </c>
      <c r="I20" s="190">
        <v>0.67900000000000005</v>
      </c>
      <c r="J20" s="94">
        <v>8.3563692645448787E-2</v>
      </c>
      <c r="K20" s="190">
        <v>4.8000000000000001E-2</v>
      </c>
      <c r="L20" s="94">
        <v>4.3080501543421149E-2</v>
      </c>
      <c r="M20" s="54">
        <v>123</v>
      </c>
      <c r="N20" s="84">
        <v>6.01</v>
      </c>
      <c r="O20" s="85">
        <v>0.21559999999999999</v>
      </c>
      <c r="P20" s="190">
        <v>0</v>
      </c>
      <c r="Q20" s="94">
        <v>2.226896426705402E-2</v>
      </c>
      <c r="R20" s="190">
        <v>5.2999999999999999E-2</v>
      </c>
      <c r="S20" s="94">
        <v>4.4606183676874044E-2</v>
      </c>
      <c r="T20" s="190">
        <v>0.85799999999999998</v>
      </c>
      <c r="U20" s="94">
        <v>6.4203108216412119E-2</v>
      </c>
      <c r="V20" s="190">
        <v>8.8999999999999996E-2</v>
      </c>
      <c r="W20" s="94">
        <v>5.3935264693869917E-2</v>
      </c>
    </row>
    <row r="21" spans="1:23">
      <c r="A21" s="49" t="s">
        <v>447</v>
      </c>
      <c r="B21" s="189">
        <v>97</v>
      </c>
      <c r="C21" s="172">
        <v>5.13</v>
      </c>
      <c r="D21" s="132">
        <v>0.29399999999999998</v>
      </c>
      <c r="E21" s="191">
        <v>0.16800000000000001</v>
      </c>
      <c r="F21" s="97">
        <v>7.6645960003737384E-2</v>
      </c>
      <c r="G21" s="191">
        <v>0.13</v>
      </c>
      <c r="H21" s="97">
        <v>7.000108635925717E-2</v>
      </c>
      <c r="I21" s="191">
        <v>0.70199999999999996</v>
      </c>
      <c r="J21" s="97">
        <v>9.1708535292766263E-2</v>
      </c>
      <c r="K21" s="191">
        <v>0</v>
      </c>
      <c r="L21" s="97">
        <v>2.7725572981612018E-2</v>
      </c>
      <c r="M21" s="189">
        <v>98</v>
      </c>
      <c r="N21" s="172">
        <v>5.35</v>
      </c>
      <c r="O21" s="132">
        <v>0.25480000000000003</v>
      </c>
      <c r="P21" s="191">
        <v>8.5999999999999993E-2</v>
      </c>
      <c r="Q21" s="97">
        <v>6.0676666487209069E-2</v>
      </c>
      <c r="R21" s="191">
        <v>0.14599999999999999</v>
      </c>
      <c r="S21" s="97">
        <v>7.3350875768459639E-2</v>
      </c>
      <c r="T21" s="191">
        <v>0.67200000000000004</v>
      </c>
      <c r="U21" s="97">
        <v>9.4389699777041342E-2</v>
      </c>
      <c r="V21" s="191">
        <v>9.7000000000000003E-2</v>
      </c>
      <c r="W21" s="97">
        <v>6.3347885710574425E-2</v>
      </c>
    </row>
    <row r="22" spans="1:23" ht="25.5">
      <c r="A22" s="57" t="s">
        <v>448</v>
      </c>
      <c r="B22" s="188">
        <v>135</v>
      </c>
      <c r="C22" s="84">
        <v>3.92</v>
      </c>
      <c r="D22" s="85">
        <v>0.29399999999999998</v>
      </c>
      <c r="E22" s="190">
        <v>0.4</v>
      </c>
      <c r="F22" s="94">
        <v>8.3203358126660354E-2</v>
      </c>
      <c r="G22" s="190">
        <v>0.14299999999999999</v>
      </c>
      <c r="H22" s="94">
        <v>6.111215114990632E-2</v>
      </c>
      <c r="I22" s="190">
        <v>0.44</v>
      </c>
      <c r="J22" s="94">
        <v>8.4240869630137216E-2</v>
      </c>
      <c r="K22" s="190">
        <v>1.7000000000000001E-2</v>
      </c>
      <c r="L22" s="94">
        <v>2.935494273356282E-2</v>
      </c>
      <c r="M22" s="188">
        <v>136</v>
      </c>
      <c r="N22" s="84">
        <v>5.19</v>
      </c>
      <c r="O22" s="85">
        <v>0.25480000000000003</v>
      </c>
      <c r="P22" s="190">
        <v>6.3E-2</v>
      </c>
      <c r="Q22" s="94">
        <v>4.5214712160628993E-2</v>
      </c>
      <c r="R22" s="190">
        <v>0.183</v>
      </c>
      <c r="S22" s="94">
        <v>6.73358088475631E-2</v>
      </c>
      <c r="T22" s="190">
        <v>0.69499999999999995</v>
      </c>
      <c r="U22" s="94">
        <v>7.9075501720613131E-2</v>
      </c>
      <c r="V22" s="190">
        <v>5.8999999999999997E-2</v>
      </c>
      <c r="W22" s="94">
        <v>4.4133098499735693E-2</v>
      </c>
    </row>
    <row r="23" spans="1:23">
      <c r="A23" s="49" t="s">
        <v>457</v>
      </c>
      <c r="B23" s="189">
        <v>742</v>
      </c>
      <c r="C23" s="172">
        <v>4.71</v>
      </c>
      <c r="D23" s="132">
        <v>0.1176</v>
      </c>
      <c r="E23" s="191">
        <v>0.25600000000000001</v>
      </c>
      <c r="F23" s="97">
        <v>3.2010449373542131E-2</v>
      </c>
      <c r="G23" s="191">
        <v>0.16900000000000001</v>
      </c>
      <c r="H23" s="97">
        <v>2.7555526878446316E-2</v>
      </c>
      <c r="I23" s="191">
        <v>0.57099999999999995</v>
      </c>
      <c r="J23" s="97">
        <v>3.6245581337498736E-2</v>
      </c>
      <c r="K23" s="191">
        <v>5.0000000000000001E-3</v>
      </c>
      <c r="L23" s="97">
        <v>6.3817641503658758E-3</v>
      </c>
      <c r="M23" s="189">
        <v>752</v>
      </c>
      <c r="N23" s="172">
        <v>5.61</v>
      </c>
      <c r="O23" s="132">
        <v>9.8000000000000004E-2</v>
      </c>
      <c r="P23" s="191">
        <v>3.6999999999999998E-2</v>
      </c>
      <c r="Q23" s="97">
        <v>1.4229577057486889E-2</v>
      </c>
      <c r="R23" s="191">
        <v>9.8000000000000004E-2</v>
      </c>
      <c r="S23" s="97">
        <v>2.1937825533733222E-2</v>
      </c>
      <c r="T23" s="191">
        <v>0.72299999999999998</v>
      </c>
      <c r="U23" s="97">
        <v>3.2747016095332107E-2</v>
      </c>
      <c r="V23" s="191">
        <v>0.14199999999999999</v>
      </c>
      <c r="W23" s="97">
        <v>2.5650548036883273E-2</v>
      </c>
    </row>
    <row r="24" spans="1:23">
      <c r="A24" s="57" t="s">
        <v>449</v>
      </c>
      <c r="B24" s="188">
        <v>132</v>
      </c>
      <c r="C24" s="84">
        <v>4.21</v>
      </c>
      <c r="D24" s="85">
        <v>0.29399999999999998</v>
      </c>
      <c r="E24" s="190">
        <v>0.39400000000000002</v>
      </c>
      <c r="F24" s="94">
        <v>8.3914385896524321E-2</v>
      </c>
      <c r="G24" s="190">
        <v>0.17899999999999999</v>
      </c>
      <c r="H24" s="94">
        <v>6.7066933090354913E-2</v>
      </c>
      <c r="I24" s="190">
        <v>0.41199999999999998</v>
      </c>
      <c r="J24" s="94">
        <v>8.4488918599845864E-2</v>
      </c>
      <c r="K24" s="190">
        <v>1.6E-2</v>
      </c>
      <c r="L24" s="94">
        <v>2.9366407933548857E-2</v>
      </c>
      <c r="M24" s="188">
        <v>134</v>
      </c>
      <c r="N24" s="84">
        <v>5.98</v>
      </c>
      <c r="O24" s="85">
        <v>0.23519999999999999</v>
      </c>
      <c r="P24" s="190">
        <v>3.4000000000000002E-2</v>
      </c>
      <c r="Q24" s="94">
        <v>3.6553760224162228E-2</v>
      </c>
      <c r="R24" s="190">
        <v>6.7000000000000004E-2</v>
      </c>
      <c r="S24" s="94">
        <v>4.645604405356156E-2</v>
      </c>
      <c r="T24" s="190">
        <v>0.84399999999999997</v>
      </c>
      <c r="U24" s="94">
        <v>6.3829408304817051E-2</v>
      </c>
      <c r="V24" s="190">
        <v>5.5E-2</v>
      </c>
      <c r="W24" s="94">
        <v>4.3200022980879819E-2</v>
      </c>
    </row>
    <row r="25" spans="1:23">
      <c r="A25" s="49" t="s">
        <v>450</v>
      </c>
      <c r="B25" s="189">
        <v>107</v>
      </c>
      <c r="C25" s="172">
        <v>5.35</v>
      </c>
      <c r="D25" s="132">
        <v>0.27440000000000003</v>
      </c>
      <c r="E25" s="191">
        <v>0.125</v>
      </c>
      <c r="F25" s="97">
        <v>6.5575077689390179E-2</v>
      </c>
      <c r="G25" s="191">
        <v>0.13600000000000001</v>
      </c>
      <c r="H25" s="97">
        <v>6.7618751730405921E-2</v>
      </c>
      <c r="I25" s="191">
        <v>0.73899999999999999</v>
      </c>
      <c r="J25" s="97">
        <v>8.4239395404522119E-2</v>
      </c>
      <c r="K25" s="191">
        <v>1E-3</v>
      </c>
      <c r="L25" s="97">
        <v>2.5904652851408548E-2</v>
      </c>
      <c r="M25" s="189">
        <v>108</v>
      </c>
      <c r="N25" s="172">
        <v>5.83</v>
      </c>
      <c r="O25" s="132">
        <v>0.21559999999999999</v>
      </c>
      <c r="P25" s="191">
        <v>8.9999999999999993E-3</v>
      </c>
      <c r="Q25" s="97">
        <v>3.0827012265204984E-2</v>
      </c>
      <c r="R25" s="191">
        <v>8.7999999999999995E-2</v>
      </c>
      <c r="S25" s="97">
        <v>5.7958155220590002E-2</v>
      </c>
      <c r="T25" s="191">
        <v>0.79900000000000004</v>
      </c>
      <c r="U25" s="97">
        <v>7.7923663044089916E-2</v>
      </c>
      <c r="V25" s="191">
        <v>0.104</v>
      </c>
      <c r="W25" s="97">
        <v>6.1609161066133074E-2</v>
      </c>
    </row>
    <row r="26" spans="1:23" ht="25.5">
      <c r="A26" s="57" t="s">
        <v>451</v>
      </c>
      <c r="B26" s="188">
        <v>187</v>
      </c>
      <c r="C26" s="84">
        <v>5.04</v>
      </c>
      <c r="D26" s="85">
        <v>0.21559999999999999</v>
      </c>
      <c r="E26" s="190">
        <v>0.19700000000000001</v>
      </c>
      <c r="F26" s="94">
        <v>5.8245937707911852E-2</v>
      </c>
      <c r="G26" s="190">
        <v>0.14599999999999999</v>
      </c>
      <c r="H26" s="94">
        <v>5.2153192800329755E-2</v>
      </c>
      <c r="I26" s="190">
        <v>0.64400000000000002</v>
      </c>
      <c r="J26" s="94">
        <v>6.9421457984883694E-2</v>
      </c>
      <c r="K26" s="190">
        <v>1.2E-2</v>
      </c>
      <c r="L26" s="94">
        <v>2.1330690492502045E-2</v>
      </c>
      <c r="M26" s="188">
        <v>190</v>
      </c>
      <c r="N26" s="84">
        <v>5.72</v>
      </c>
      <c r="O26" s="85">
        <v>0.1764</v>
      </c>
      <c r="P26" s="190">
        <v>4.2999999999999997E-2</v>
      </c>
      <c r="Q26" s="94">
        <v>3.2003396401829767E-2</v>
      </c>
      <c r="R26" s="190">
        <v>6.5000000000000002E-2</v>
      </c>
      <c r="S26" s="94">
        <v>3.7580881443387684E-2</v>
      </c>
      <c r="T26" s="190">
        <v>0.7</v>
      </c>
      <c r="U26" s="94">
        <v>6.6057219735567857E-2</v>
      </c>
      <c r="V26" s="190">
        <v>0.193</v>
      </c>
      <c r="W26" s="94">
        <v>5.7364360699635047E-2</v>
      </c>
    </row>
    <row r="27" spans="1:23">
      <c r="A27" s="49" t="s">
        <v>452</v>
      </c>
      <c r="B27" s="189">
        <v>84</v>
      </c>
      <c r="C27" s="172">
        <v>4.03</v>
      </c>
      <c r="D27" s="132">
        <v>0.37240000000000001</v>
      </c>
      <c r="E27" s="191">
        <v>0.46800000000000003</v>
      </c>
      <c r="F27" s="97">
        <v>0.10640125067758871</v>
      </c>
      <c r="G27" s="191">
        <v>0.129</v>
      </c>
      <c r="H27" s="97">
        <v>7.5253340593446932E-2</v>
      </c>
      <c r="I27" s="191">
        <v>0.40400000000000003</v>
      </c>
      <c r="J27" s="97">
        <v>0.104794772783306</v>
      </c>
      <c r="K27" s="191">
        <v>0</v>
      </c>
      <c r="L27" s="97">
        <v>3.177387706452417E-2</v>
      </c>
      <c r="M27" s="189">
        <v>85</v>
      </c>
      <c r="N27" s="172">
        <v>5.3</v>
      </c>
      <c r="O27" s="132">
        <v>0.3528</v>
      </c>
      <c r="P27" s="191">
        <v>0.11799999999999999</v>
      </c>
      <c r="Q27" s="97">
        <v>7.2938430546856559E-2</v>
      </c>
      <c r="R27" s="191">
        <v>0.10100000000000001</v>
      </c>
      <c r="S27" s="97">
        <v>6.9066137767909153E-2</v>
      </c>
      <c r="T27" s="191">
        <v>0.69</v>
      </c>
      <c r="U27" s="97">
        <v>9.9340377080053485E-2</v>
      </c>
      <c r="V27" s="191">
        <v>9.0999999999999998E-2</v>
      </c>
      <c r="W27" s="97">
        <v>6.6599461414535752E-2</v>
      </c>
    </row>
    <row r="28" spans="1:23">
      <c r="A28" s="57" t="s">
        <v>453</v>
      </c>
      <c r="B28" s="188">
        <v>98</v>
      </c>
      <c r="C28" s="84">
        <v>5.16</v>
      </c>
      <c r="D28" s="85">
        <v>0.27440000000000003</v>
      </c>
      <c r="E28" s="190">
        <v>0.108</v>
      </c>
      <c r="F28" s="94">
        <v>6.5124846367817679E-2</v>
      </c>
      <c r="G28" s="190">
        <v>0.20599999999999999</v>
      </c>
      <c r="H28" s="94">
        <v>8.1700161226232762E-2</v>
      </c>
      <c r="I28" s="190">
        <v>0.68600000000000005</v>
      </c>
      <c r="J28" s="94">
        <v>9.2474523807531309E-2</v>
      </c>
      <c r="K28" s="190">
        <v>0</v>
      </c>
      <c r="L28" s="94">
        <v>2.745647223584333E-2</v>
      </c>
      <c r="M28" s="188">
        <v>100</v>
      </c>
      <c r="N28" s="84">
        <v>5.35</v>
      </c>
      <c r="O28" s="85">
        <v>0.29399999999999998</v>
      </c>
      <c r="P28" s="190">
        <v>3.4000000000000002E-2</v>
      </c>
      <c r="Q28" s="94">
        <v>4.3792529781595889E-2</v>
      </c>
      <c r="R28" s="190">
        <v>0.1</v>
      </c>
      <c r="S28" s="94">
        <v>6.2995108428771415E-2</v>
      </c>
      <c r="T28" s="190">
        <v>0.64800000000000002</v>
      </c>
      <c r="U28" s="94">
        <v>9.4461015117837666E-2</v>
      </c>
      <c r="V28" s="190">
        <v>0.218</v>
      </c>
      <c r="W28" s="94">
        <v>8.2798782169154456E-2</v>
      </c>
    </row>
    <row r="29" spans="1:23">
      <c r="A29" s="49" t="s">
        <v>454</v>
      </c>
      <c r="B29" s="189">
        <v>134</v>
      </c>
      <c r="C29" s="172">
        <v>4.09</v>
      </c>
      <c r="D29" s="132">
        <v>0.27440000000000003</v>
      </c>
      <c r="E29" s="191">
        <v>0.36899999999999999</v>
      </c>
      <c r="F29" s="97">
        <v>8.2324811376185164E-2</v>
      </c>
      <c r="G29" s="191">
        <v>0.192</v>
      </c>
      <c r="H29" s="97">
        <v>6.8218672571449923E-2</v>
      </c>
      <c r="I29" s="191">
        <v>0.44</v>
      </c>
      <c r="J29" s="97">
        <v>8.4545789167850521E-2</v>
      </c>
      <c r="K29" s="191">
        <v>0</v>
      </c>
      <c r="L29" s="97">
        <v>2.034678603371113E-2</v>
      </c>
      <c r="M29" s="189">
        <v>135</v>
      </c>
      <c r="N29" s="172">
        <v>5.4</v>
      </c>
      <c r="O29" s="132">
        <v>0.19600000000000001</v>
      </c>
      <c r="P29" s="191">
        <v>2.7E-2</v>
      </c>
      <c r="Q29" s="97">
        <v>3.3644703279543976E-2</v>
      </c>
      <c r="R29" s="191">
        <v>0.156</v>
      </c>
      <c r="S29" s="97">
        <v>6.3342784231764537E-2</v>
      </c>
      <c r="T29" s="191">
        <v>0.69399999999999995</v>
      </c>
      <c r="U29" s="97">
        <v>7.8853041968212259E-2</v>
      </c>
      <c r="V29" s="191">
        <v>0.123</v>
      </c>
      <c r="W29" s="97">
        <v>5.7983243774147507E-2</v>
      </c>
    </row>
    <row r="32" spans="1:23" ht="18.75">
      <c r="A32" s="321" t="s">
        <v>49</v>
      </c>
      <c r="B32" s="321"/>
      <c r="C32" s="321"/>
      <c r="D32" s="321"/>
      <c r="E32" s="321"/>
      <c r="F32" s="321"/>
      <c r="G32" s="321"/>
      <c r="H32" s="321"/>
      <c r="I32" s="321"/>
      <c r="J32" s="321"/>
      <c r="K32" s="321"/>
      <c r="L32" s="321"/>
      <c r="M32" s="321"/>
      <c r="N32" s="321"/>
      <c r="O32" s="321"/>
      <c r="P32" s="321"/>
      <c r="Q32" s="321"/>
      <c r="R32" s="321"/>
      <c r="S32" s="321"/>
      <c r="T32" s="321"/>
      <c r="U32" s="321"/>
      <c r="V32" s="321"/>
      <c r="W32" s="321"/>
    </row>
    <row r="33" spans="1:23" ht="56.25" customHeight="1">
      <c r="A33" s="387" t="s">
        <v>498</v>
      </c>
      <c r="B33" s="387"/>
      <c r="C33" s="387"/>
      <c r="D33" s="387"/>
      <c r="E33" s="387"/>
      <c r="F33" s="387"/>
      <c r="G33" s="387"/>
      <c r="H33" s="387"/>
      <c r="I33" s="387"/>
      <c r="J33" s="387"/>
      <c r="K33" s="387"/>
      <c r="L33" s="387"/>
      <c r="M33" s="387"/>
      <c r="N33" s="387"/>
      <c r="O33" s="387"/>
      <c r="P33" s="387"/>
      <c r="Q33" s="387"/>
      <c r="R33" s="387"/>
      <c r="S33" s="387"/>
      <c r="T33" s="387"/>
      <c r="U33" s="387"/>
      <c r="V33" s="387"/>
      <c r="W33" s="387"/>
    </row>
    <row r="34" spans="1:23" ht="36" customHeight="1">
      <c r="A34" s="64"/>
      <c r="B34" s="364" t="s">
        <v>164</v>
      </c>
      <c r="C34" s="365"/>
      <c r="D34" s="365"/>
      <c r="E34" s="365"/>
      <c r="F34" s="365"/>
      <c r="G34" s="365"/>
      <c r="H34" s="365"/>
      <c r="I34" s="365"/>
      <c r="J34" s="365"/>
      <c r="K34" s="365"/>
      <c r="L34" s="366"/>
      <c r="M34" s="367" t="s">
        <v>165</v>
      </c>
      <c r="N34" s="368"/>
      <c r="O34" s="368"/>
      <c r="P34" s="368"/>
      <c r="Q34" s="368"/>
      <c r="R34" s="368"/>
      <c r="S34" s="368"/>
      <c r="T34" s="368"/>
      <c r="U34" s="368"/>
      <c r="V34" s="368"/>
      <c r="W34" s="368"/>
    </row>
    <row r="35" spans="1:23" ht="41.25" customHeight="1">
      <c r="A35" s="37" t="s">
        <v>85</v>
      </c>
      <c r="B35" s="38" t="s">
        <v>86</v>
      </c>
      <c r="C35" s="39" t="s">
        <v>87</v>
      </c>
      <c r="D35" s="40" t="s">
        <v>88</v>
      </c>
      <c r="E35" s="38" t="s">
        <v>368</v>
      </c>
      <c r="F35" s="89" t="s">
        <v>162</v>
      </c>
      <c r="G35" s="38" t="s">
        <v>369</v>
      </c>
      <c r="H35" s="89" t="s">
        <v>163</v>
      </c>
      <c r="I35" s="38" t="s">
        <v>370</v>
      </c>
      <c r="J35" s="89" t="s">
        <v>136</v>
      </c>
      <c r="K35" s="38" t="s">
        <v>357</v>
      </c>
      <c r="L35" s="89" t="s">
        <v>371</v>
      </c>
      <c r="M35" s="65" t="s">
        <v>86</v>
      </c>
      <c r="N35" s="66" t="s">
        <v>87</v>
      </c>
      <c r="O35" s="67" t="s">
        <v>88</v>
      </c>
      <c r="P35" s="65" t="s">
        <v>368</v>
      </c>
      <c r="Q35" s="88" t="s">
        <v>162</v>
      </c>
      <c r="R35" s="65" t="s">
        <v>372</v>
      </c>
      <c r="S35" s="88" t="s">
        <v>373</v>
      </c>
      <c r="T35" s="65" t="s">
        <v>370</v>
      </c>
      <c r="U35" s="88" t="s">
        <v>136</v>
      </c>
      <c r="V35" s="65" t="s">
        <v>357</v>
      </c>
      <c r="W35" s="88" t="s">
        <v>371</v>
      </c>
    </row>
    <row r="36" spans="1:23" ht="72">
      <c r="A36" s="41"/>
      <c r="B36" s="42" t="s">
        <v>89</v>
      </c>
      <c r="C36" s="128" t="s">
        <v>360</v>
      </c>
      <c r="D36" s="44" t="s">
        <v>91</v>
      </c>
      <c r="E36" s="42" t="s">
        <v>181</v>
      </c>
      <c r="F36" s="91" t="s">
        <v>104</v>
      </c>
      <c r="G36" s="42" t="s">
        <v>182</v>
      </c>
      <c r="H36" s="91" t="s">
        <v>104</v>
      </c>
      <c r="I36" s="42" t="s">
        <v>183</v>
      </c>
      <c r="J36" s="91" t="s">
        <v>104</v>
      </c>
      <c r="K36" s="42" t="s">
        <v>357</v>
      </c>
      <c r="L36" s="91" t="s">
        <v>104</v>
      </c>
      <c r="M36" s="68" t="s">
        <v>89</v>
      </c>
      <c r="N36" s="273" t="s">
        <v>360</v>
      </c>
      <c r="O36" s="70" t="s">
        <v>91</v>
      </c>
      <c r="P36" s="68" t="s">
        <v>181</v>
      </c>
      <c r="Q36" s="90" t="s">
        <v>104</v>
      </c>
      <c r="R36" s="68" t="s">
        <v>182</v>
      </c>
      <c r="S36" s="90" t="s">
        <v>104</v>
      </c>
      <c r="T36" s="68" t="s">
        <v>183</v>
      </c>
      <c r="U36" s="90" t="s">
        <v>104</v>
      </c>
      <c r="V36" s="68" t="s">
        <v>357</v>
      </c>
      <c r="W36" s="90" t="s">
        <v>104</v>
      </c>
    </row>
    <row r="37" spans="1:23">
      <c r="A37" s="45" t="s">
        <v>436</v>
      </c>
      <c r="B37" s="188">
        <v>10997</v>
      </c>
      <c r="C37" s="84">
        <v>4.3899999999999997</v>
      </c>
      <c r="D37" s="85">
        <v>3.9199999999999999E-2</v>
      </c>
      <c r="E37" s="190">
        <v>0.26700000000000002</v>
      </c>
      <c r="F37" s="94">
        <v>8.4365585026298495E-3</v>
      </c>
      <c r="G37" s="190">
        <v>0.224</v>
      </c>
      <c r="H37" s="94">
        <v>7.9512967459353778E-3</v>
      </c>
      <c r="I37" s="190">
        <v>0.504</v>
      </c>
      <c r="J37" s="94">
        <v>9.5338876527077572E-3</v>
      </c>
      <c r="K37" s="190">
        <v>6.0000000000000001E-3</v>
      </c>
      <c r="L37" s="94">
        <v>1.4943376847884457E-3</v>
      </c>
      <c r="M37" s="188">
        <v>10977</v>
      </c>
      <c r="N37" s="84">
        <v>3.88</v>
      </c>
      <c r="O37" s="85">
        <v>3.9199999999999999E-2</v>
      </c>
      <c r="P37" s="190">
        <v>0.41699999999999998</v>
      </c>
      <c r="Q37" s="94">
        <v>9.4105679895937332E-3</v>
      </c>
      <c r="R37" s="190">
        <v>0.15</v>
      </c>
      <c r="S37" s="94">
        <v>6.8173572997118521E-3</v>
      </c>
      <c r="T37" s="190">
        <v>0.40899999999999997</v>
      </c>
      <c r="U37" s="94">
        <v>9.383608132361736E-3</v>
      </c>
      <c r="V37" s="190">
        <v>2.5000000000000001E-2</v>
      </c>
      <c r="W37" s="94">
        <v>2.9897889479471949E-3</v>
      </c>
    </row>
    <row r="38" spans="1:23">
      <c r="A38" s="49" t="s">
        <v>437</v>
      </c>
      <c r="B38" s="49">
        <v>8852</v>
      </c>
      <c r="C38" s="172">
        <v>4.1399999999999997</v>
      </c>
      <c r="D38" s="132">
        <v>3.9199999999999999E-2</v>
      </c>
      <c r="E38" s="191">
        <v>0.32900000000000001</v>
      </c>
      <c r="F38" s="97">
        <v>9.9861106946665928E-3</v>
      </c>
      <c r="G38" s="191">
        <v>0.24099999999999999</v>
      </c>
      <c r="H38" s="97">
        <v>9.0910178186695816E-3</v>
      </c>
      <c r="I38" s="191">
        <v>0.42899999999999999</v>
      </c>
      <c r="J38" s="97">
        <v>1.0518696579988291E-2</v>
      </c>
      <c r="K38" s="191">
        <v>1E-3</v>
      </c>
      <c r="L38" s="97">
        <v>7.4350009514959753E-4</v>
      </c>
      <c r="M38" s="49">
        <v>8830</v>
      </c>
      <c r="N38" s="172">
        <v>3.23</v>
      </c>
      <c r="O38" s="132">
        <v>3.9199999999999999E-2</v>
      </c>
      <c r="P38" s="191">
        <v>0.55700000000000005</v>
      </c>
      <c r="Q38" s="97">
        <v>1.0570203476782556E-2</v>
      </c>
      <c r="R38" s="191">
        <v>0.15</v>
      </c>
      <c r="S38" s="97">
        <v>7.6014282557568319E-3</v>
      </c>
      <c r="T38" s="191">
        <v>0.26300000000000001</v>
      </c>
      <c r="U38" s="97">
        <v>9.3695747639774892E-3</v>
      </c>
      <c r="V38" s="191">
        <v>0.03</v>
      </c>
      <c r="W38" s="97">
        <v>3.6423787895321488E-3</v>
      </c>
    </row>
    <row r="39" spans="1:23">
      <c r="A39" s="45" t="s">
        <v>438</v>
      </c>
      <c r="B39" s="53">
        <v>1980</v>
      </c>
      <c r="C39" s="84">
        <v>4.99</v>
      </c>
      <c r="D39" s="85">
        <v>5.8799999999999998E-2</v>
      </c>
      <c r="E39" s="190">
        <v>0.13</v>
      </c>
      <c r="F39" s="94">
        <v>1.51372390937506E-2</v>
      </c>
      <c r="G39" s="190">
        <v>0.1817</v>
      </c>
      <c r="H39" s="94">
        <v>1.7337565612587019E-2</v>
      </c>
      <c r="I39" s="190">
        <v>0.67730000000000001</v>
      </c>
      <c r="J39" s="94">
        <v>2.0997855949697764E-2</v>
      </c>
      <c r="K39" s="190">
        <v>1.0999999999999999E-2</v>
      </c>
      <c r="L39" s="94">
        <v>4.8862516158485131E-3</v>
      </c>
      <c r="M39" s="53">
        <v>1983</v>
      </c>
      <c r="N39" s="84">
        <v>5.2</v>
      </c>
      <c r="O39" s="85">
        <v>7.8399999999999997E-2</v>
      </c>
      <c r="P39" s="190">
        <v>0.1368</v>
      </c>
      <c r="Q39" s="94">
        <v>1.5452662235919977E-2</v>
      </c>
      <c r="R39" s="190">
        <v>0.14319999999999999</v>
      </c>
      <c r="S39" s="94">
        <v>1.5748769975711965E-2</v>
      </c>
      <c r="T39" s="190">
        <v>0.70199999999999996</v>
      </c>
      <c r="U39" s="94">
        <v>2.0529484289342082E-2</v>
      </c>
      <c r="V39" s="190">
        <v>1.7999999999999999E-2</v>
      </c>
      <c r="W39" s="94">
        <v>6.120815910818438E-3</v>
      </c>
    </row>
    <row r="40" spans="1:23">
      <c r="A40" s="49" t="s">
        <v>439</v>
      </c>
      <c r="B40" s="49">
        <v>3929</v>
      </c>
      <c r="C40" s="172">
        <v>4.16</v>
      </c>
      <c r="D40" s="132">
        <v>5.8799999999999998E-2</v>
      </c>
      <c r="E40" s="191">
        <v>0.33</v>
      </c>
      <c r="F40" s="97">
        <v>1.4997542124240116E-2</v>
      </c>
      <c r="G40" s="191">
        <v>0.221</v>
      </c>
      <c r="H40" s="97">
        <v>1.3238305666659133E-2</v>
      </c>
      <c r="I40" s="191">
        <v>0.441</v>
      </c>
      <c r="J40" s="97">
        <v>1.5834321363028279E-2</v>
      </c>
      <c r="K40" s="191">
        <v>8.0000000000000002E-3</v>
      </c>
      <c r="L40" s="97">
        <v>2.927746726492951E-3</v>
      </c>
      <c r="M40" s="49">
        <v>3922</v>
      </c>
      <c r="N40" s="172">
        <v>4.05</v>
      </c>
      <c r="O40" s="132">
        <v>5.8799999999999998E-2</v>
      </c>
      <c r="P40" s="191">
        <v>0.379</v>
      </c>
      <c r="Q40" s="97">
        <v>1.5486303373786599E-2</v>
      </c>
      <c r="R40" s="191">
        <v>0.16300000000000001</v>
      </c>
      <c r="S40" s="97">
        <v>1.1799924076775364E-2</v>
      </c>
      <c r="T40" s="191">
        <v>0.43099999999999999</v>
      </c>
      <c r="U40" s="97">
        <v>1.5807318427833415E-2</v>
      </c>
      <c r="V40" s="191">
        <v>2.7E-2</v>
      </c>
      <c r="W40" s="97">
        <v>5.2182777405221942E-3</v>
      </c>
    </row>
    <row r="41" spans="1:23">
      <c r="A41" s="45" t="s">
        <v>440</v>
      </c>
      <c r="B41" s="53">
        <v>3294</v>
      </c>
      <c r="C41" s="84">
        <v>3.89</v>
      </c>
      <c r="D41" s="85">
        <v>5.8799999999999998E-2</v>
      </c>
      <c r="E41" s="190">
        <v>0.39300000000000002</v>
      </c>
      <c r="F41" s="94">
        <v>1.7010636102748868E-2</v>
      </c>
      <c r="G41" s="190">
        <v>0.23599999999999999</v>
      </c>
      <c r="H41" s="94">
        <v>1.4794855937277926E-2</v>
      </c>
      <c r="I41" s="190">
        <v>0.371</v>
      </c>
      <c r="J41" s="94">
        <v>1.6824977166238479E-2</v>
      </c>
      <c r="K41" s="190">
        <v>1E-3</v>
      </c>
      <c r="L41" s="94">
        <v>1.3941916093735932E-3</v>
      </c>
      <c r="M41" s="53">
        <v>3922</v>
      </c>
      <c r="N41" s="84">
        <v>3.62</v>
      </c>
      <c r="O41" s="85">
        <v>5.8799999999999998E-2</v>
      </c>
      <c r="P41" s="190">
        <v>0.379</v>
      </c>
      <c r="Q41" s="94">
        <v>1.5486303373786599E-2</v>
      </c>
      <c r="R41" s="190">
        <v>0.16300000000000001</v>
      </c>
      <c r="S41" s="94">
        <v>1.1799924076775364E-2</v>
      </c>
      <c r="T41" s="190">
        <v>0.43099999999999999</v>
      </c>
      <c r="U41" s="94">
        <v>1.5807318427833415E-2</v>
      </c>
      <c r="V41" s="190">
        <v>2.7E-2</v>
      </c>
      <c r="W41" s="94">
        <v>5.2182777405221942E-3</v>
      </c>
    </row>
    <row r="42" spans="1:23">
      <c r="A42" s="49" t="s">
        <v>455</v>
      </c>
      <c r="B42" s="49">
        <v>579</v>
      </c>
      <c r="C42" s="172">
        <v>3.17</v>
      </c>
      <c r="D42" s="132">
        <v>0.13720000000000002</v>
      </c>
      <c r="E42" s="191">
        <v>0.59399999999999997</v>
      </c>
      <c r="F42" s="97">
        <v>4.0687474125461018E-2</v>
      </c>
      <c r="G42" s="191">
        <v>0.16500000000000001</v>
      </c>
      <c r="H42" s="97">
        <v>3.0916218638645365E-2</v>
      </c>
      <c r="I42" s="191">
        <v>0.24199999999999999</v>
      </c>
      <c r="J42" s="97">
        <v>3.5564187492132728E-2</v>
      </c>
      <c r="K42" s="191">
        <v>0</v>
      </c>
      <c r="L42" s="97">
        <v>4.8431757329018563E-3</v>
      </c>
      <c r="M42" s="49">
        <v>578</v>
      </c>
      <c r="N42" s="172">
        <v>4.08</v>
      </c>
      <c r="O42" s="132">
        <v>0.15679999999999999</v>
      </c>
      <c r="P42" s="191">
        <v>0.36199999999999999</v>
      </c>
      <c r="Q42" s="97">
        <v>3.9863760565242087E-2</v>
      </c>
      <c r="R42" s="191">
        <v>0.191</v>
      </c>
      <c r="S42" s="97">
        <v>3.2725762885149945E-2</v>
      </c>
      <c r="T42" s="191">
        <v>0.42499999999999999</v>
      </c>
      <c r="U42" s="97">
        <v>4.0988813651623907E-2</v>
      </c>
      <c r="V42" s="191">
        <v>2.1999999999999999E-2</v>
      </c>
      <c r="W42" s="97">
        <v>1.301489520625696E-2</v>
      </c>
    </row>
    <row r="43" spans="1:23">
      <c r="A43" s="45" t="s">
        <v>441</v>
      </c>
      <c r="B43" s="53">
        <v>117</v>
      </c>
      <c r="C43" s="84">
        <v>3.28</v>
      </c>
      <c r="D43" s="85">
        <v>0.27440000000000003</v>
      </c>
      <c r="E43" s="190">
        <v>0.61699999999999999</v>
      </c>
      <c r="F43" s="94">
        <v>8.8551446169754189E-2</v>
      </c>
      <c r="G43" s="190">
        <v>0.14599999999999999</v>
      </c>
      <c r="H43" s="94">
        <v>6.6265782738588727E-2</v>
      </c>
      <c r="I43" s="190">
        <v>0.23699999999999999</v>
      </c>
      <c r="J43" s="94">
        <v>7.8272372009009564E-2</v>
      </c>
      <c r="K43" s="190">
        <v>0</v>
      </c>
      <c r="L43" s="94">
        <v>2.3181440451602572E-2</v>
      </c>
      <c r="M43" s="53">
        <v>117</v>
      </c>
      <c r="N43" s="84">
        <v>3.31</v>
      </c>
      <c r="O43" s="85">
        <v>0.31359999999999999</v>
      </c>
      <c r="P43" s="190">
        <v>0.53900000000000003</v>
      </c>
      <c r="Q43" s="94">
        <v>9.0650158483708804E-2</v>
      </c>
      <c r="R43" s="190">
        <v>0.24099999999999999</v>
      </c>
      <c r="S43" s="94">
        <v>7.8683548613303331E-2</v>
      </c>
      <c r="T43" s="190">
        <v>0.21099999999999999</v>
      </c>
      <c r="U43" s="94">
        <v>7.5385461482778651E-2</v>
      </c>
      <c r="V43" s="190">
        <v>8.0000000000000002E-3</v>
      </c>
      <c r="W43" s="94">
        <v>2.7976199243544424E-2</v>
      </c>
    </row>
    <row r="44" spans="1:23">
      <c r="A44" s="49" t="s">
        <v>442</v>
      </c>
      <c r="B44" s="49">
        <v>175</v>
      </c>
      <c r="C44" s="172">
        <v>2.57</v>
      </c>
      <c r="D44" s="132">
        <v>0.21559999999999999</v>
      </c>
      <c r="E44" s="191">
        <v>0.746</v>
      </c>
      <c r="F44" s="97">
        <v>6.552894476101577E-2</v>
      </c>
      <c r="G44" s="191">
        <v>0.13</v>
      </c>
      <c r="H44" s="97">
        <v>5.160011115650593E-2</v>
      </c>
      <c r="I44" s="191">
        <v>0.124</v>
      </c>
      <c r="J44" s="97">
        <v>5.0665268678653001E-2</v>
      </c>
      <c r="K44" s="191">
        <v>0</v>
      </c>
      <c r="L44" s="97">
        <v>1.5712745642212103E-2</v>
      </c>
      <c r="M44" s="49">
        <v>174</v>
      </c>
      <c r="N44" s="172">
        <v>3.91</v>
      </c>
      <c r="O44" s="132">
        <v>0.29399999999999998</v>
      </c>
      <c r="P44" s="191">
        <v>0.42599999999999999</v>
      </c>
      <c r="Q44" s="97">
        <v>7.4164612999707627E-2</v>
      </c>
      <c r="R44" s="191">
        <v>0.17</v>
      </c>
      <c r="S44" s="97">
        <v>5.7267240466932927E-2</v>
      </c>
      <c r="T44" s="191">
        <v>0.40300000000000002</v>
      </c>
      <c r="U44" s="97">
        <v>7.3593039024786866E-2</v>
      </c>
      <c r="V44" s="191">
        <v>0</v>
      </c>
      <c r="W44" s="97">
        <v>1.5800517962037131E-2</v>
      </c>
    </row>
    <row r="45" spans="1:23">
      <c r="A45" s="45" t="s">
        <v>443</v>
      </c>
      <c r="B45" s="53">
        <v>135</v>
      </c>
      <c r="C45" s="84">
        <v>2.12</v>
      </c>
      <c r="D45" s="85">
        <v>0.23519999999999999</v>
      </c>
      <c r="E45" s="190">
        <v>0.88200000000000001</v>
      </c>
      <c r="F45" s="94">
        <v>5.6861224936320967E-2</v>
      </c>
      <c r="G45" s="190">
        <v>7.1999999999999995E-2</v>
      </c>
      <c r="H45" s="94">
        <v>4.7135887046018544E-2</v>
      </c>
      <c r="I45" s="190">
        <v>4.5999999999999999E-2</v>
      </c>
      <c r="J45" s="94">
        <v>3.9991403292516922E-2</v>
      </c>
      <c r="K45" s="190">
        <v>0</v>
      </c>
      <c r="L45" s="94">
        <v>2.0201474828221939E-2</v>
      </c>
      <c r="M45" s="53">
        <v>135</v>
      </c>
      <c r="N45" s="84">
        <v>3.62</v>
      </c>
      <c r="O45" s="85">
        <v>0.31359999999999999</v>
      </c>
      <c r="P45" s="190">
        <v>0.51600000000000001</v>
      </c>
      <c r="Q45" s="94">
        <v>8.4777919246800393E-2</v>
      </c>
      <c r="R45" s="190">
        <v>0.13700000000000001</v>
      </c>
      <c r="S45" s="94">
        <v>6.0145078204615149E-2</v>
      </c>
      <c r="T45" s="190">
        <v>0.34699999999999998</v>
      </c>
      <c r="U45" s="94">
        <v>8.0986524368624774E-2</v>
      </c>
      <c r="V45" s="190">
        <v>0</v>
      </c>
      <c r="W45" s="94">
        <v>2.0201474828221939E-2</v>
      </c>
    </row>
    <row r="46" spans="1:23">
      <c r="A46" s="49" t="s">
        <v>444</v>
      </c>
      <c r="B46" s="49">
        <v>152</v>
      </c>
      <c r="C46" s="172">
        <v>4.3</v>
      </c>
      <c r="D46" s="132">
        <v>0.21559999999999999</v>
      </c>
      <c r="E46" s="191">
        <v>0.26800000000000002</v>
      </c>
      <c r="F46" s="97">
        <v>7.141443111415402E-2</v>
      </c>
      <c r="G46" s="191">
        <v>0.26100000000000001</v>
      </c>
      <c r="H46" s="97">
        <v>7.0850280413680411E-2</v>
      </c>
      <c r="I46" s="191">
        <v>0.47099999999999997</v>
      </c>
      <c r="J46" s="97">
        <v>7.9936124383933119E-2</v>
      </c>
      <c r="K46" s="191">
        <v>0</v>
      </c>
      <c r="L46" s="97">
        <v>1.8014344193057537E-2</v>
      </c>
      <c r="M46" s="49">
        <v>152</v>
      </c>
      <c r="N46" s="172">
        <v>4.99</v>
      </c>
      <c r="O46" s="132">
        <v>0.25480000000000003</v>
      </c>
      <c r="P46" s="191">
        <v>0.11600000000000001</v>
      </c>
      <c r="Q46" s="97">
        <v>5.3110648748333149E-2</v>
      </c>
      <c r="R46" s="191">
        <v>0.214</v>
      </c>
      <c r="S46" s="97">
        <v>6.64763094274924E-2</v>
      </c>
      <c r="T46" s="191">
        <v>0.60599999999999998</v>
      </c>
      <c r="U46" s="97">
        <v>7.8337340522104768E-2</v>
      </c>
      <c r="V46" s="191">
        <v>6.3E-2</v>
      </c>
      <c r="W46" s="97">
        <v>4.1970296930576224E-2</v>
      </c>
    </row>
    <row r="47" spans="1:23">
      <c r="A47" s="45" t="s">
        <v>456</v>
      </c>
      <c r="B47" s="188">
        <v>529</v>
      </c>
      <c r="C47" s="84">
        <v>3.67</v>
      </c>
      <c r="D47" s="85">
        <v>0.13720000000000002</v>
      </c>
      <c r="E47" s="190">
        <v>0.45700000000000002</v>
      </c>
      <c r="F47" s="94">
        <v>4.3156736745499483E-2</v>
      </c>
      <c r="G47" s="190">
        <v>0.20300000000000001</v>
      </c>
      <c r="H47" s="94">
        <v>3.4986997800633905E-2</v>
      </c>
      <c r="I47" s="190">
        <v>0.32400000000000001</v>
      </c>
      <c r="J47" s="94">
        <v>4.0585507076136999E-2</v>
      </c>
      <c r="K47" s="190">
        <v>1.6E-2</v>
      </c>
      <c r="L47" s="94">
        <v>1.20183862074298E-2</v>
      </c>
      <c r="M47" s="188">
        <v>528</v>
      </c>
      <c r="N47" s="84">
        <v>3.35</v>
      </c>
      <c r="O47" s="85">
        <v>0.1764</v>
      </c>
      <c r="P47" s="190">
        <v>0.52200000000000002</v>
      </c>
      <c r="Q47" s="94">
        <v>4.3314139353376233E-2</v>
      </c>
      <c r="R47" s="190">
        <v>0.17399999999999999</v>
      </c>
      <c r="S47" s="94">
        <v>3.3054537676136746E-2</v>
      </c>
      <c r="T47" s="190">
        <v>0.26900000000000002</v>
      </c>
      <c r="U47" s="94">
        <v>3.8529200373802322E-2</v>
      </c>
      <c r="V47" s="190">
        <v>3.5000000000000003E-2</v>
      </c>
      <c r="W47" s="94">
        <v>1.6682411624280118E-2</v>
      </c>
    </row>
    <row r="48" spans="1:23" ht="25.5">
      <c r="A48" s="49" t="s">
        <v>445</v>
      </c>
      <c r="B48" s="189">
        <v>175</v>
      </c>
      <c r="C48" s="172">
        <v>3.38</v>
      </c>
      <c r="D48" s="132">
        <v>0.21559999999999999</v>
      </c>
      <c r="E48" s="191">
        <v>0.54900000000000004</v>
      </c>
      <c r="F48" s="97">
        <v>7.4399661845020892E-2</v>
      </c>
      <c r="G48" s="191">
        <v>0.188</v>
      </c>
      <c r="H48" s="97">
        <v>5.9223647721716878E-2</v>
      </c>
      <c r="I48" s="191">
        <v>0.254</v>
      </c>
      <c r="J48" s="97">
        <v>6.552894476101577E-2</v>
      </c>
      <c r="K48" s="191">
        <v>8.9999999999999993E-3</v>
      </c>
      <c r="L48" s="97">
        <v>2.0913860885694465E-2</v>
      </c>
      <c r="M48" s="189">
        <v>174</v>
      </c>
      <c r="N48" s="172">
        <v>3.29</v>
      </c>
      <c r="O48" s="132">
        <v>0.29399999999999998</v>
      </c>
      <c r="P48" s="191">
        <v>0.53100000000000003</v>
      </c>
      <c r="Q48" s="97">
        <v>7.4815384123520998E-2</v>
      </c>
      <c r="R48" s="191">
        <v>0.26</v>
      </c>
      <c r="S48" s="97">
        <v>6.6190001758384298E-2</v>
      </c>
      <c r="T48" s="191">
        <v>0.189</v>
      </c>
      <c r="U48" s="97">
        <v>5.9506806033754307E-2</v>
      </c>
      <c r="V48" s="191">
        <v>0.02</v>
      </c>
      <c r="W48" s="97">
        <v>2.589464706903731E-2</v>
      </c>
    </row>
    <row r="49" spans="1:23">
      <c r="A49" s="45" t="s">
        <v>446</v>
      </c>
      <c r="B49" s="54">
        <v>123</v>
      </c>
      <c r="C49" s="84">
        <v>4.21</v>
      </c>
      <c r="D49" s="85">
        <v>0.27440000000000003</v>
      </c>
      <c r="E49" s="190">
        <v>0.30299999999999999</v>
      </c>
      <c r="F49" s="94">
        <v>8.2021153947481107E-2</v>
      </c>
      <c r="G49" s="190">
        <v>0.218</v>
      </c>
      <c r="H49" s="94">
        <v>7.4327747886358916E-2</v>
      </c>
      <c r="I49" s="190">
        <v>0.438</v>
      </c>
      <c r="J49" s="94">
        <v>8.8093423651276981E-2</v>
      </c>
      <c r="K49" s="190">
        <v>4.1000000000000002E-2</v>
      </c>
      <c r="L49" s="94">
        <v>4.0617768162902732E-2</v>
      </c>
      <c r="M49" s="54">
        <v>122</v>
      </c>
      <c r="N49" s="84">
        <v>3.95</v>
      </c>
      <c r="O49" s="85">
        <v>0.3528</v>
      </c>
      <c r="P49" s="190">
        <v>0.371</v>
      </c>
      <c r="Q49" s="94">
        <v>8.6262574506149756E-2</v>
      </c>
      <c r="R49" s="190">
        <v>0.16400000000000001</v>
      </c>
      <c r="S49" s="94">
        <v>6.7649475231653988E-2</v>
      </c>
      <c r="T49" s="190">
        <v>0.38700000000000001</v>
      </c>
      <c r="U49" s="94">
        <v>8.692796898181411E-2</v>
      </c>
      <c r="V49" s="190">
        <v>7.8E-2</v>
      </c>
      <c r="W49" s="94">
        <v>5.1344910786032517E-2</v>
      </c>
    </row>
    <row r="50" spans="1:23">
      <c r="A50" s="49" t="s">
        <v>447</v>
      </c>
      <c r="B50" s="189">
        <v>95</v>
      </c>
      <c r="C50" s="172">
        <v>4.0599999999999996</v>
      </c>
      <c r="D50" s="132">
        <v>0.29399999999999998</v>
      </c>
      <c r="E50" s="191">
        <v>0.33400000000000002</v>
      </c>
      <c r="F50" s="97">
        <v>9.5266932306026966E-2</v>
      </c>
      <c r="G50" s="191">
        <v>0.23599999999999999</v>
      </c>
      <c r="H50" s="97">
        <v>8.6648534751807782E-2</v>
      </c>
      <c r="I50" s="191">
        <v>0.43</v>
      </c>
      <c r="J50" s="97">
        <v>9.959269788091954E-2</v>
      </c>
      <c r="K50" s="191">
        <v>0</v>
      </c>
      <c r="L50" s="97">
        <v>2.8279912978147775E-2</v>
      </c>
      <c r="M50" s="189">
        <v>98</v>
      </c>
      <c r="N50" s="172">
        <v>3.73</v>
      </c>
      <c r="O50" s="132">
        <v>0.41159999999999997</v>
      </c>
      <c r="P50" s="191">
        <v>0.47</v>
      </c>
      <c r="Q50" s="97">
        <v>9.8850095292335891E-2</v>
      </c>
      <c r="R50" s="191">
        <v>0.16300000000000001</v>
      </c>
      <c r="S50" s="97">
        <v>7.5449949176898734E-2</v>
      </c>
      <c r="T50" s="191">
        <v>0.34200000000000003</v>
      </c>
      <c r="U50" s="97">
        <v>9.4340968871966815E-2</v>
      </c>
      <c r="V50" s="191">
        <v>2.5000000000000001E-2</v>
      </c>
      <c r="W50" s="97">
        <v>4.0450452141900003E-2</v>
      </c>
    </row>
    <row r="51" spans="1:23" ht="25.5">
      <c r="A51" s="57" t="s">
        <v>448</v>
      </c>
      <c r="B51" s="188">
        <v>136</v>
      </c>
      <c r="C51" s="84">
        <v>2.79</v>
      </c>
      <c r="D51" s="85">
        <v>0.25480000000000003</v>
      </c>
      <c r="E51" s="190">
        <v>0.72299999999999998</v>
      </c>
      <c r="F51" s="94">
        <v>7.617124730140562E-2</v>
      </c>
      <c r="G51" s="190">
        <v>0.161</v>
      </c>
      <c r="H51" s="94">
        <v>6.3595170801493545E-2</v>
      </c>
      <c r="I51" s="190">
        <v>0.11600000000000001</v>
      </c>
      <c r="J51" s="94">
        <v>5.6277294304429792E-2</v>
      </c>
      <c r="K51" s="190">
        <v>0</v>
      </c>
      <c r="L51" s="94">
        <v>2.0058224286213251E-2</v>
      </c>
      <c r="M51" s="188">
        <v>134</v>
      </c>
      <c r="N51" s="84">
        <v>2.02</v>
      </c>
      <c r="O51" s="85">
        <v>0.23519999999999999</v>
      </c>
      <c r="P51" s="190">
        <v>0.84399999999999997</v>
      </c>
      <c r="Q51" s="94">
        <v>6.3342784231764551E-2</v>
      </c>
      <c r="R51" s="190">
        <v>5.0999999999999997E-2</v>
      </c>
      <c r="S51" s="94">
        <v>4.1673902260259563E-2</v>
      </c>
      <c r="T51" s="190">
        <v>0.105</v>
      </c>
      <c r="U51" s="94">
        <v>5.4610303648991582E-2</v>
      </c>
      <c r="V51" s="190">
        <v>0</v>
      </c>
      <c r="W51" s="94">
        <v>2.034678603371113E-2</v>
      </c>
    </row>
    <row r="52" spans="1:23">
      <c r="A52" s="49" t="s">
        <v>457</v>
      </c>
      <c r="B52" s="189">
        <v>745</v>
      </c>
      <c r="C52" s="172">
        <v>4.1500000000000004</v>
      </c>
      <c r="D52" s="132">
        <v>9.8000000000000004E-2</v>
      </c>
      <c r="E52" s="191">
        <v>0.311</v>
      </c>
      <c r="F52" s="97">
        <v>3.3858222732880715E-2</v>
      </c>
      <c r="G52" s="191">
        <v>0.28100000000000003</v>
      </c>
      <c r="H52" s="97">
        <v>3.2889335759393783E-2</v>
      </c>
      <c r="I52" s="191">
        <v>0.40600000000000003</v>
      </c>
      <c r="J52" s="97">
        <v>3.5894677894872079E-2</v>
      </c>
      <c r="K52" s="191">
        <v>1E-3</v>
      </c>
      <c r="L52" s="97">
        <v>4.4159288817676645E-3</v>
      </c>
      <c r="M52" s="189">
        <v>747</v>
      </c>
      <c r="N52" s="172">
        <v>3.8</v>
      </c>
      <c r="O52" s="132">
        <v>0.13720000000000002</v>
      </c>
      <c r="P52" s="191">
        <v>0.42899999999999999</v>
      </c>
      <c r="Q52" s="97">
        <v>3.6124695719197943E-2</v>
      </c>
      <c r="R52" s="191">
        <v>0.17599999999999999</v>
      </c>
      <c r="S52" s="97">
        <v>2.7899312493257673E-2</v>
      </c>
      <c r="T52" s="191">
        <v>0.371</v>
      </c>
      <c r="U52" s="97">
        <v>3.5268481046210567E-2</v>
      </c>
      <c r="V52" s="191">
        <v>2.5000000000000001E-2</v>
      </c>
      <c r="W52" s="97">
        <v>1.194128140579561E-2</v>
      </c>
    </row>
    <row r="53" spans="1:23">
      <c r="A53" s="57" t="s">
        <v>449</v>
      </c>
      <c r="B53" s="188">
        <v>134</v>
      </c>
      <c r="C53" s="84">
        <v>3.61</v>
      </c>
      <c r="D53" s="85">
        <v>0.25480000000000003</v>
      </c>
      <c r="E53" s="190">
        <v>0.374</v>
      </c>
      <c r="F53" s="94">
        <v>8.2537827858432805E-2</v>
      </c>
      <c r="G53" s="190">
        <v>0.34200000000000003</v>
      </c>
      <c r="H53" s="94">
        <v>8.1019270325526513E-2</v>
      </c>
      <c r="I53" s="190">
        <v>0.28499999999999998</v>
      </c>
      <c r="J53" s="94">
        <v>7.7350299319472862E-2</v>
      </c>
      <c r="K53" s="190">
        <v>0</v>
      </c>
      <c r="L53" s="94">
        <v>2.034678603371113E-2</v>
      </c>
      <c r="M53" s="188">
        <v>133</v>
      </c>
      <c r="N53" s="84">
        <v>3.56</v>
      </c>
      <c r="O53" s="85">
        <v>0.31359999999999999</v>
      </c>
      <c r="P53" s="190">
        <v>0.48899999999999999</v>
      </c>
      <c r="Q53" s="94">
        <v>8.5416277794409426E-2</v>
      </c>
      <c r="R53" s="190">
        <v>0.13300000000000001</v>
      </c>
      <c r="S53" s="94">
        <v>5.994187764649838E-2</v>
      </c>
      <c r="T53" s="190">
        <v>0.378</v>
      </c>
      <c r="U53" s="94">
        <v>8.3004256425928527E-2</v>
      </c>
      <c r="V53" s="190">
        <v>0</v>
      </c>
      <c r="W53" s="94">
        <v>2.0494202685054641E-2</v>
      </c>
    </row>
    <row r="54" spans="1:23">
      <c r="A54" s="49" t="s">
        <v>450</v>
      </c>
      <c r="B54" s="189">
        <v>106</v>
      </c>
      <c r="C54" s="172">
        <v>3.99</v>
      </c>
      <c r="D54" s="132">
        <v>0.27440000000000003</v>
      </c>
      <c r="E54" s="191">
        <v>0.36199999999999999</v>
      </c>
      <c r="F54" s="97">
        <v>9.1912178643639417E-2</v>
      </c>
      <c r="G54" s="191">
        <v>0.33</v>
      </c>
      <c r="H54" s="97">
        <v>9.0083517472456465E-2</v>
      </c>
      <c r="I54" s="191">
        <v>0.308</v>
      </c>
      <c r="J54" s="97">
        <v>8.8578321254375925E-2</v>
      </c>
      <c r="K54" s="191">
        <v>0</v>
      </c>
      <c r="L54" s="97">
        <v>2.5478147263468021E-2</v>
      </c>
      <c r="M54" s="189">
        <v>107</v>
      </c>
      <c r="N54" s="172">
        <v>3.86</v>
      </c>
      <c r="O54" s="132">
        <v>0.3528</v>
      </c>
      <c r="P54" s="191">
        <v>0.36499999999999999</v>
      </c>
      <c r="Q54" s="97">
        <v>9.16446027375966E-2</v>
      </c>
      <c r="R54" s="191">
        <v>0.19700000000000001</v>
      </c>
      <c r="S54" s="97">
        <v>7.703717181025517E-2</v>
      </c>
      <c r="T54" s="191">
        <v>0.35299999999999998</v>
      </c>
      <c r="U54" s="97">
        <v>9.1024270408976454E-2</v>
      </c>
      <c r="V54" s="191">
        <v>8.4000000000000005E-2</v>
      </c>
      <c r="W54" s="97">
        <v>5.66931918926517E-2</v>
      </c>
    </row>
    <row r="55" spans="1:23" ht="25.5">
      <c r="A55" s="57" t="s">
        <v>451</v>
      </c>
      <c r="B55" s="188">
        <v>189</v>
      </c>
      <c r="C55" s="84">
        <v>4.17</v>
      </c>
      <c r="D55" s="85">
        <v>0.19600000000000001</v>
      </c>
      <c r="E55" s="190">
        <v>0.27600000000000002</v>
      </c>
      <c r="F55" s="94">
        <v>6.4684532432239719E-2</v>
      </c>
      <c r="G55" s="190">
        <v>0.32700000000000001</v>
      </c>
      <c r="H55" s="94">
        <v>6.7723718617219555E-2</v>
      </c>
      <c r="I55" s="190">
        <v>0.39700000000000002</v>
      </c>
      <c r="J55" s="94">
        <v>7.0501709719039199E-2</v>
      </c>
      <c r="K55" s="190">
        <v>0</v>
      </c>
      <c r="L55" s="94">
        <v>1.4578932111081603E-2</v>
      </c>
      <c r="M55" s="188">
        <v>190</v>
      </c>
      <c r="N55" s="84">
        <v>4</v>
      </c>
      <c r="O55" s="85">
        <v>0.25480000000000003</v>
      </c>
      <c r="P55" s="190">
        <v>0.371</v>
      </c>
      <c r="Q55" s="94">
        <v>6.9466027045041526E-2</v>
      </c>
      <c r="R55" s="190">
        <v>0.221</v>
      </c>
      <c r="S55" s="94">
        <v>6.0126301087324072E-2</v>
      </c>
      <c r="T55" s="190">
        <v>0.40100000000000002</v>
      </c>
      <c r="U55" s="94">
        <v>7.0432975861094316E-2</v>
      </c>
      <c r="V55" s="190">
        <v>8.0000000000000002E-3</v>
      </c>
      <c r="W55" s="94">
        <v>1.9165644299970135E-2</v>
      </c>
    </row>
    <row r="56" spans="1:23">
      <c r="A56" s="49" t="s">
        <v>452</v>
      </c>
      <c r="B56" s="189">
        <v>83</v>
      </c>
      <c r="C56" s="172">
        <v>3.55</v>
      </c>
      <c r="D56" s="132">
        <v>0.27440000000000003</v>
      </c>
      <c r="E56" s="191">
        <v>0.58699999999999997</v>
      </c>
      <c r="F56" s="97">
        <v>0.10572377803209319</v>
      </c>
      <c r="G56" s="191">
        <v>0.16300000000000001</v>
      </c>
      <c r="H56" s="97">
        <v>8.2108438130126513E-2</v>
      </c>
      <c r="I56" s="191">
        <v>0.251</v>
      </c>
      <c r="J56" s="97">
        <v>9.4338392705988247E-2</v>
      </c>
      <c r="K56" s="191">
        <v>0</v>
      </c>
      <c r="L56" s="97">
        <v>3.2134798233390625E-2</v>
      </c>
      <c r="M56" s="189">
        <v>84</v>
      </c>
      <c r="N56" s="172">
        <v>3.05</v>
      </c>
      <c r="O56" s="132">
        <v>0.39200000000000002</v>
      </c>
      <c r="P56" s="191">
        <v>0.67200000000000004</v>
      </c>
      <c r="Q56" s="97">
        <v>0.10068951615068797</v>
      </c>
      <c r="R56" s="191">
        <v>9.4E-2</v>
      </c>
      <c r="S56" s="97">
        <v>6.735540764588617E-2</v>
      </c>
      <c r="T56" s="191">
        <v>0.2</v>
      </c>
      <c r="U56" s="97">
        <v>8.7385215040436975E-2</v>
      </c>
      <c r="V56" s="191">
        <v>3.5000000000000003E-2</v>
      </c>
      <c r="W56" s="97">
        <v>4.9075578222893566E-2</v>
      </c>
    </row>
    <row r="57" spans="1:23">
      <c r="A57" s="57" t="s">
        <v>453</v>
      </c>
      <c r="B57" s="188">
        <v>100</v>
      </c>
      <c r="C57" s="84">
        <v>4.66</v>
      </c>
      <c r="D57" s="85">
        <v>0.27440000000000003</v>
      </c>
      <c r="E57" s="190">
        <v>0.16700000000000001</v>
      </c>
      <c r="F57" s="94">
        <v>7.5313929167971652E-2</v>
      </c>
      <c r="G57" s="190">
        <v>0.27100000000000002</v>
      </c>
      <c r="H57" s="94">
        <v>8.8037436886714046E-2</v>
      </c>
      <c r="I57" s="190">
        <v>0.55400000000000005</v>
      </c>
      <c r="J57" s="94">
        <v>9.752790411010194E-2</v>
      </c>
      <c r="K57" s="190">
        <v>8.0000000000000002E-3</v>
      </c>
      <c r="L57" s="94">
        <v>3.1743094253269669E-2</v>
      </c>
      <c r="M57" s="188">
        <v>100</v>
      </c>
      <c r="N57" s="84">
        <v>4.57</v>
      </c>
      <c r="O57" s="85">
        <v>0.39200000000000002</v>
      </c>
      <c r="P57" s="190">
        <v>0.25600000000000001</v>
      </c>
      <c r="Q57" s="94">
        <v>8.6592685181782827E-2</v>
      </c>
      <c r="R57" s="190">
        <v>0.16200000000000001</v>
      </c>
      <c r="S57" s="94">
        <v>7.4517679884606003E-2</v>
      </c>
      <c r="T57" s="190">
        <v>0.58199999999999996</v>
      </c>
      <c r="U57" s="94">
        <v>9.6831194120265224E-2</v>
      </c>
      <c r="V57" s="190">
        <v>0</v>
      </c>
      <c r="W57" s="94">
        <v>2.693364120714959E-2</v>
      </c>
    </row>
    <row r="58" spans="1:23">
      <c r="A58" s="49" t="s">
        <v>454</v>
      </c>
      <c r="B58" s="189">
        <v>133</v>
      </c>
      <c r="C58" s="172">
        <v>4.3499999999999996</v>
      </c>
      <c r="D58" s="132">
        <v>0.25480000000000003</v>
      </c>
      <c r="E58" s="191">
        <v>0.30199999999999999</v>
      </c>
      <c r="F58" s="97">
        <v>7.8870098217989598E-2</v>
      </c>
      <c r="G58" s="191">
        <v>0.21199999999999999</v>
      </c>
      <c r="H58" s="97">
        <v>7.0830060430565722E-2</v>
      </c>
      <c r="I58" s="191">
        <v>0.48599999999999999</v>
      </c>
      <c r="J58" s="97">
        <v>8.540419623726303E-2</v>
      </c>
      <c r="K58" s="191">
        <v>0</v>
      </c>
      <c r="L58" s="97">
        <v>2.0494202685054641E-2</v>
      </c>
      <c r="M58" s="189">
        <v>133</v>
      </c>
      <c r="N58" s="172">
        <v>3.26</v>
      </c>
      <c r="O58" s="132">
        <v>0.29399999999999998</v>
      </c>
      <c r="P58" s="191">
        <v>0.55900000000000005</v>
      </c>
      <c r="Q58" s="97">
        <v>8.4873336734041363E-2</v>
      </c>
      <c r="R58" s="191">
        <v>0.17699999999999999</v>
      </c>
      <c r="S58" s="97">
        <v>6.6546568314478555E-2</v>
      </c>
      <c r="T58" s="191">
        <v>0.23100000000000001</v>
      </c>
      <c r="U58" s="97">
        <v>7.2856778674287914E-2</v>
      </c>
      <c r="V58" s="191">
        <v>3.2000000000000001E-2</v>
      </c>
      <c r="W58" s="97">
        <v>3.5670434443483681E-2</v>
      </c>
    </row>
    <row r="61" spans="1:23" ht="18.75">
      <c r="A61" s="321" t="s">
        <v>50</v>
      </c>
      <c r="B61" s="321"/>
      <c r="C61" s="321"/>
      <c r="D61" s="321"/>
      <c r="E61" s="321"/>
      <c r="F61" s="321"/>
      <c r="G61" s="321"/>
      <c r="H61" s="321"/>
      <c r="I61" s="321"/>
      <c r="J61" s="321"/>
      <c r="K61" s="321"/>
      <c r="L61" s="321"/>
      <c r="M61" s="321"/>
      <c r="N61" s="321"/>
      <c r="O61" s="321"/>
      <c r="P61" s="321"/>
      <c r="Q61" s="321"/>
      <c r="R61" s="321"/>
      <c r="S61" s="321"/>
      <c r="T61" s="321"/>
      <c r="U61" s="321"/>
      <c r="V61" s="321"/>
      <c r="W61" s="321"/>
    </row>
    <row r="62" spans="1:23" ht="39.75" customHeight="1">
      <c r="A62" s="389" t="s">
        <v>499</v>
      </c>
      <c r="B62" s="389"/>
      <c r="C62" s="389"/>
      <c r="D62" s="389"/>
      <c r="E62" s="389"/>
      <c r="F62" s="389"/>
      <c r="G62" s="389"/>
      <c r="H62" s="389"/>
      <c r="I62" s="389"/>
      <c r="J62" s="389"/>
      <c r="K62" s="389"/>
      <c r="L62" s="389"/>
      <c r="M62" s="389"/>
      <c r="N62" s="389"/>
      <c r="O62" s="389"/>
      <c r="P62" s="389"/>
      <c r="Q62" s="389"/>
      <c r="R62" s="389"/>
      <c r="S62" s="389"/>
      <c r="T62" s="389"/>
      <c r="U62" s="389"/>
      <c r="V62" s="389"/>
      <c r="W62" s="389"/>
    </row>
    <row r="63" spans="1:23" ht="37.5" customHeight="1">
      <c r="A63" s="64"/>
      <c r="B63" s="364" t="s">
        <v>273</v>
      </c>
      <c r="C63" s="365"/>
      <c r="D63" s="365"/>
      <c r="E63" s="365"/>
      <c r="F63" s="365"/>
      <c r="G63" s="365"/>
      <c r="H63" s="365"/>
      <c r="I63" s="365"/>
      <c r="J63" s="365"/>
      <c r="K63" s="365"/>
      <c r="L63" s="366"/>
      <c r="M63" s="364" t="s">
        <v>274</v>
      </c>
      <c r="N63" s="365"/>
      <c r="O63" s="365"/>
      <c r="P63" s="365"/>
      <c r="Q63" s="365"/>
      <c r="R63" s="365"/>
      <c r="S63" s="365"/>
      <c r="T63" s="365"/>
      <c r="U63" s="365"/>
      <c r="V63" s="365"/>
      <c r="W63" s="366"/>
    </row>
    <row r="64" spans="1:23" ht="39" customHeight="1">
      <c r="A64" s="37" t="s">
        <v>85</v>
      </c>
      <c r="B64" s="38" t="s">
        <v>86</v>
      </c>
      <c r="C64" s="39" t="s">
        <v>87</v>
      </c>
      <c r="D64" s="40" t="s">
        <v>88</v>
      </c>
      <c r="E64" s="38" t="s">
        <v>368</v>
      </c>
      <c r="F64" s="89" t="s">
        <v>162</v>
      </c>
      <c r="G64" s="38" t="s">
        <v>369</v>
      </c>
      <c r="H64" s="89" t="s">
        <v>163</v>
      </c>
      <c r="I64" s="38" t="s">
        <v>370</v>
      </c>
      <c r="J64" s="89" t="s">
        <v>136</v>
      </c>
      <c r="K64" s="38" t="s">
        <v>357</v>
      </c>
      <c r="L64" s="89" t="s">
        <v>371</v>
      </c>
      <c r="M64" s="65" t="s">
        <v>86</v>
      </c>
      <c r="N64" s="66" t="s">
        <v>87</v>
      </c>
      <c r="O64" s="67" t="s">
        <v>88</v>
      </c>
      <c r="P64" s="65" t="s">
        <v>404</v>
      </c>
      <c r="Q64" s="88" t="s">
        <v>405</v>
      </c>
      <c r="R64" s="65" t="s">
        <v>406</v>
      </c>
      <c r="S64" s="88" t="s">
        <v>407</v>
      </c>
      <c r="T64" s="65" t="s">
        <v>355</v>
      </c>
      <c r="U64" s="88" t="s">
        <v>408</v>
      </c>
      <c r="V64" s="65" t="s">
        <v>357</v>
      </c>
      <c r="W64" s="88" t="s">
        <v>371</v>
      </c>
    </row>
    <row r="65" spans="1:23" ht="72">
      <c r="A65" s="41"/>
      <c r="B65" s="42" t="s">
        <v>89</v>
      </c>
      <c r="C65" s="128" t="s">
        <v>360</v>
      </c>
      <c r="D65" s="44" t="s">
        <v>91</v>
      </c>
      <c r="E65" s="42" t="s">
        <v>181</v>
      </c>
      <c r="F65" s="91" t="s">
        <v>104</v>
      </c>
      <c r="G65" s="42" t="s">
        <v>182</v>
      </c>
      <c r="H65" s="91" t="s">
        <v>104</v>
      </c>
      <c r="I65" s="42" t="s">
        <v>183</v>
      </c>
      <c r="J65" s="91" t="s">
        <v>104</v>
      </c>
      <c r="K65" s="42" t="s">
        <v>357</v>
      </c>
      <c r="L65" s="91" t="s">
        <v>104</v>
      </c>
      <c r="M65" s="68" t="s">
        <v>89</v>
      </c>
      <c r="N65" s="273" t="s">
        <v>360</v>
      </c>
      <c r="O65" s="70" t="s">
        <v>91</v>
      </c>
      <c r="P65" s="68" t="s">
        <v>181</v>
      </c>
      <c r="Q65" s="90" t="s">
        <v>104</v>
      </c>
      <c r="R65" s="68" t="s">
        <v>182</v>
      </c>
      <c r="S65" s="90" t="s">
        <v>104</v>
      </c>
      <c r="T65" s="68" t="s">
        <v>183</v>
      </c>
      <c r="U65" s="90" t="s">
        <v>104</v>
      </c>
      <c r="V65" s="68" t="s">
        <v>357</v>
      </c>
      <c r="W65" s="90" t="s">
        <v>104</v>
      </c>
    </row>
    <row r="66" spans="1:23">
      <c r="A66" s="45" t="s">
        <v>436</v>
      </c>
      <c r="B66" s="188">
        <v>10974</v>
      </c>
      <c r="C66" s="84">
        <v>5.05</v>
      </c>
      <c r="D66" s="85">
        <v>3.9199999999999999E-2</v>
      </c>
      <c r="E66" s="190">
        <v>0.17299999999999999</v>
      </c>
      <c r="F66" s="94">
        <v>7.2220817888584603E-3</v>
      </c>
      <c r="G66" s="190">
        <v>0.15</v>
      </c>
      <c r="H66" s="94">
        <v>6.8182893901301313E-3</v>
      </c>
      <c r="I66" s="190">
        <v>0.66600000000000004</v>
      </c>
      <c r="J66" s="94">
        <v>9.0032296634387169E-3</v>
      </c>
      <c r="K66" s="190">
        <v>1.2E-2</v>
      </c>
      <c r="L66" s="94">
        <v>2.0935935476015023E-3</v>
      </c>
      <c r="M66" s="188">
        <v>11021</v>
      </c>
      <c r="N66" s="84">
        <v>3.66</v>
      </c>
      <c r="O66" s="85">
        <v>3.9199999999999999E-2</v>
      </c>
      <c r="P66" s="190">
        <v>0.16900000000000001</v>
      </c>
      <c r="Q66" s="94">
        <v>7.140151503402874E-3</v>
      </c>
      <c r="R66" s="190">
        <v>0.34299999999999997</v>
      </c>
      <c r="S66" s="94">
        <v>9.0424824045543337E-3</v>
      </c>
      <c r="T66" s="190">
        <v>0.46899999999999997</v>
      </c>
      <c r="U66" s="94">
        <v>9.5055004426834646E-3</v>
      </c>
      <c r="V66" s="190">
        <v>1.9E-2</v>
      </c>
      <c r="W66" s="94">
        <v>2.6121537351062162E-3</v>
      </c>
    </row>
    <row r="67" spans="1:23">
      <c r="A67" s="49" t="s">
        <v>437</v>
      </c>
      <c r="B67" s="49">
        <v>8828</v>
      </c>
      <c r="C67" s="172">
        <v>4.8899999999999997</v>
      </c>
      <c r="D67" s="132">
        <v>3.9199999999999999E-2</v>
      </c>
      <c r="E67" s="191">
        <v>0.20799999999999999</v>
      </c>
      <c r="F67" s="97">
        <v>8.6396565869103596E-3</v>
      </c>
      <c r="G67" s="191">
        <v>0.16</v>
      </c>
      <c r="H67" s="97">
        <v>7.8049328985811709E-3</v>
      </c>
      <c r="I67" s="191">
        <v>0.625</v>
      </c>
      <c r="J67" s="97">
        <v>1.0303130897152412E-2</v>
      </c>
      <c r="K67" s="191">
        <v>7.0000000000000001E-3</v>
      </c>
      <c r="L67" s="97">
        <v>1.8021604418710663E-3</v>
      </c>
      <c r="M67" s="49">
        <v>8875</v>
      </c>
      <c r="N67" s="172">
        <v>3.64</v>
      </c>
      <c r="O67" s="132">
        <v>3.9199999999999999E-2</v>
      </c>
      <c r="P67" s="191">
        <v>0.18</v>
      </c>
      <c r="Q67" s="97">
        <v>8.1569313846374756E-3</v>
      </c>
      <c r="R67" s="191">
        <v>0.31899999999999995</v>
      </c>
      <c r="S67" s="97">
        <v>9.8934180736553867E-3</v>
      </c>
      <c r="T67" s="191">
        <v>0.495</v>
      </c>
      <c r="U67" s="97">
        <v>1.0611976406735786E-2</v>
      </c>
      <c r="V67" s="191">
        <v>7.0000000000000001E-3</v>
      </c>
      <c r="W67" s="97">
        <v>1.797238361110935E-3</v>
      </c>
    </row>
    <row r="68" spans="1:23">
      <c r="A68" s="45" t="s">
        <v>438</v>
      </c>
      <c r="B68" s="53">
        <v>1981</v>
      </c>
      <c r="C68" s="84">
        <v>5.38</v>
      </c>
      <c r="D68" s="85">
        <v>5.8799999999999998E-2</v>
      </c>
      <c r="E68" s="190">
        <v>0.1065</v>
      </c>
      <c r="F68" s="94">
        <v>1.3892800854297369E-2</v>
      </c>
      <c r="G68" s="190">
        <v>0.13109999999999999</v>
      </c>
      <c r="H68" s="94">
        <v>1.5187207907680907E-2</v>
      </c>
      <c r="I68" s="190">
        <v>0.74199999999999999</v>
      </c>
      <c r="J68" s="94">
        <v>1.96529992525457E-2</v>
      </c>
      <c r="K68" s="190">
        <v>2.0400000000000001E-2</v>
      </c>
      <c r="L68" s="94">
        <v>6.4912144846174221E-3</v>
      </c>
      <c r="M68" s="53">
        <v>1984</v>
      </c>
      <c r="N68" s="84">
        <v>3.65</v>
      </c>
      <c r="O68" s="85">
        <v>7.8399999999999997E-2</v>
      </c>
      <c r="P68" s="190">
        <v>0.15229999999999999</v>
      </c>
      <c r="Q68" s="94">
        <v>1.6147628833673031E-2</v>
      </c>
      <c r="R68" s="190">
        <v>0.36819999999999997</v>
      </c>
      <c r="S68" s="94">
        <v>2.163807816512426E-2</v>
      </c>
      <c r="T68" s="190">
        <v>0.44189999999999996</v>
      </c>
      <c r="U68" s="94">
        <v>2.2276746647629256E-2</v>
      </c>
      <c r="V68" s="190">
        <v>3.7499999999999999E-2</v>
      </c>
      <c r="W68" s="94">
        <v>8.6228457202624908E-3</v>
      </c>
    </row>
    <row r="69" spans="1:23">
      <c r="A69" s="49" t="s">
        <v>439</v>
      </c>
      <c r="B69" s="49">
        <v>3917</v>
      </c>
      <c r="C69" s="172">
        <v>5.14</v>
      </c>
      <c r="D69" s="132">
        <v>5.8799999999999998E-2</v>
      </c>
      <c r="E69" s="191">
        <v>0.158</v>
      </c>
      <c r="F69" s="97">
        <v>1.1660176842015308E-2</v>
      </c>
      <c r="G69" s="191">
        <v>0.128</v>
      </c>
      <c r="H69" s="97">
        <v>1.0684227460747918E-2</v>
      </c>
      <c r="I69" s="191">
        <v>0.69799999999999995</v>
      </c>
      <c r="J69" s="97">
        <v>1.4667128518332226E-2</v>
      </c>
      <c r="K69" s="191">
        <v>1.6E-2</v>
      </c>
      <c r="L69" s="97">
        <v>4.0679898532191014E-3</v>
      </c>
      <c r="M69" s="49">
        <v>3931</v>
      </c>
      <c r="N69" s="172">
        <v>3.55</v>
      </c>
      <c r="O69" s="132">
        <v>5.8799999999999998E-2</v>
      </c>
      <c r="P69" s="191">
        <v>0.152</v>
      </c>
      <c r="Q69" s="97">
        <v>1.1457543694157565E-2</v>
      </c>
      <c r="R69" s="191">
        <v>0.32</v>
      </c>
      <c r="S69" s="97">
        <v>1.4874855750071313E-2</v>
      </c>
      <c r="T69" s="191">
        <v>0.5</v>
      </c>
      <c r="U69" s="97">
        <v>1.5941443036912015E-2</v>
      </c>
      <c r="V69" s="191">
        <v>2.9000000000000001E-2</v>
      </c>
      <c r="W69" s="97">
        <v>5.3928072664500828E-3</v>
      </c>
    </row>
    <row r="70" spans="1:23">
      <c r="A70" s="45" t="s">
        <v>440</v>
      </c>
      <c r="B70" s="53">
        <v>3280</v>
      </c>
      <c r="C70" s="84">
        <v>5.07</v>
      </c>
      <c r="D70" s="85">
        <v>5.8799999999999998E-2</v>
      </c>
      <c r="E70" s="190">
        <v>0.182</v>
      </c>
      <c r="F70" s="94">
        <v>1.3477196577809644E-2</v>
      </c>
      <c r="G70" s="190">
        <v>0.13</v>
      </c>
      <c r="H70" s="94">
        <v>1.1754351962274475E-2</v>
      </c>
      <c r="I70" s="190">
        <v>0.68100000000000005</v>
      </c>
      <c r="J70" s="94">
        <v>1.6269605766585715E-2</v>
      </c>
      <c r="K70" s="190">
        <v>7.0000000000000001E-3</v>
      </c>
      <c r="L70" s="94">
        <v>3.0310451731223554E-3</v>
      </c>
      <c r="M70" s="53">
        <v>3295</v>
      </c>
      <c r="N70" s="84">
        <v>3.51</v>
      </c>
      <c r="O70" s="85">
        <v>5.8799999999999998E-2</v>
      </c>
      <c r="P70" s="190">
        <v>0.155</v>
      </c>
      <c r="Q70" s="94">
        <v>1.2615682726918194E-2</v>
      </c>
      <c r="R70" s="190">
        <v>0.30099999999999999</v>
      </c>
      <c r="S70" s="94">
        <v>1.5975692861979262E-2</v>
      </c>
      <c r="T70" s="190">
        <v>0.53500000000000003</v>
      </c>
      <c r="U70" s="94">
        <v>1.7367799494643496E-2</v>
      </c>
      <c r="V70" s="190">
        <v>8.9999999999999993E-3</v>
      </c>
      <c r="W70" s="94">
        <v>3.3944950395702746E-3</v>
      </c>
    </row>
    <row r="71" spans="1:23">
      <c r="A71" s="49" t="s">
        <v>455</v>
      </c>
      <c r="B71" s="49">
        <v>579</v>
      </c>
      <c r="C71" s="172">
        <v>5.29</v>
      </c>
      <c r="D71" s="132">
        <v>0.13720000000000002</v>
      </c>
      <c r="E71" s="191">
        <v>0.114</v>
      </c>
      <c r="F71" s="97">
        <v>2.6588991410053997E-2</v>
      </c>
      <c r="G71" s="191">
        <v>0.15</v>
      </c>
      <c r="H71" s="97">
        <v>2.9770441781149484E-2</v>
      </c>
      <c r="I71" s="191">
        <v>0.72699999999999998</v>
      </c>
      <c r="J71" s="97">
        <v>3.6966969800207368E-2</v>
      </c>
      <c r="K71" s="191">
        <v>8.9999999999999993E-3</v>
      </c>
      <c r="L71" s="97">
        <v>9.1549629948985394E-3</v>
      </c>
      <c r="M71" s="49">
        <v>580</v>
      </c>
      <c r="N71" s="172">
        <v>3.38</v>
      </c>
      <c r="O71" s="132">
        <v>0.15679999999999999</v>
      </c>
      <c r="P71" s="191">
        <v>0.16800000000000001</v>
      </c>
      <c r="Q71" s="97">
        <v>3.1107496658111074E-2</v>
      </c>
      <c r="R71" s="191">
        <v>0.26200000000000001</v>
      </c>
      <c r="S71" s="97">
        <v>3.6464402594416759E-2</v>
      </c>
      <c r="T71" s="191">
        <v>0.56200000000000006</v>
      </c>
      <c r="U71" s="97">
        <v>4.1065306925411563E-2</v>
      </c>
      <c r="V71" s="191">
        <v>7.0000000000000001E-3</v>
      </c>
      <c r="W71" s="97">
        <v>8.3866479703259365E-3</v>
      </c>
    </row>
    <row r="72" spans="1:23">
      <c r="A72" s="45" t="s">
        <v>441</v>
      </c>
      <c r="B72" s="53">
        <v>117</v>
      </c>
      <c r="C72" s="84">
        <v>5.2</v>
      </c>
      <c r="D72" s="85">
        <v>0.29399999999999998</v>
      </c>
      <c r="E72" s="190">
        <v>0.108</v>
      </c>
      <c r="F72" s="94">
        <v>5.9287136000605339E-2</v>
      </c>
      <c r="G72" s="190">
        <v>0.21199999999999999</v>
      </c>
      <c r="H72" s="94">
        <v>7.5503654957797206E-2</v>
      </c>
      <c r="I72" s="190">
        <v>0.68</v>
      </c>
      <c r="J72" s="94">
        <v>8.5223428537362644E-2</v>
      </c>
      <c r="K72" s="190">
        <v>0</v>
      </c>
      <c r="L72" s="94">
        <v>2.3181440451602572E-2</v>
      </c>
      <c r="M72" s="53">
        <v>117</v>
      </c>
      <c r="N72" s="84">
        <v>3.98</v>
      </c>
      <c r="O72" s="85">
        <v>0.3332</v>
      </c>
      <c r="P72" s="190">
        <v>0.254</v>
      </c>
      <c r="Q72" s="94">
        <v>7.9962578988340791E-2</v>
      </c>
      <c r="R72" s="190">
        <v>0.30399999999999999</v>
      </c>
      <c r="S72" s="94">
        <v>8.4125431536644049E-2</v>
      </c>
      <c r="T72" s="190">
        <v>0.441</v>
      </c>
      <c r="U72" s="94">
        <v>9.0315396790768929E-2</v>
      </c>
      <c r="V72" s="190">
        <v>0</v>
      </c>
      <c r="W72" s="94">
        <v>2.3181440451602572E-2</v>
      </c>
    </row>
    <row r="73" spans="1:23">
      <c r="A73" s="49" t="s">
        <v>442</v>
      </c>
      <c r="B73" s="49">
        <v>176</v>
      </c>
      <c r="C73" s="172">
        <v>5.34</v>
      </c>
      <c r="D73" s="132">
        <v>0.25480000000000003</v>
      </c>
      <c r="E73" s="191">
        <v>0.13500000000000001</v>
      </c>
      <c r="F73" s="97">
        <v>5.2202665106008683E-2</v>
      </c>
      <c r="G73" s="191">
        <v>0.16600000000000001</v>
      </c>
      <c r="H73" s="97">
        <v>5.6440126596780688E-2</v>
      </c>
      <c r="I73" s="191">
        <v>0.69899999999999995</v>
      </c>
      <c r="J73" s="97">
        <v>6.8660111077856509E-2</v>
      </c>
      <c r="K73" s="191">
        <v>0</v>
      </c>
      <c r="L73" s="97">
        <v>1.5625943044243692E-2</v>
      </c>
      <c r="M73" s="49">
        <v>176</v>
      </c>
      <c r="N73" s="172">
        <v>3.64</v>
      </c>
      <c r="O73" s="132">
        <v>0.27440000000000003</v>
      </c>
      <c r="P73" s="191">
        <v>0.21299999999999999</v>
      </c>
      <c r="Q73" s="97">
        <v>6.1689395522166214E-2</v>
      </c>
      <c r="R73" s="191">
        <v>0.24</v>
      </c>
      <c r="S73" s="97">
        <v>6.4182216596948935E-2</v>
      </c>
      <c r="T73" s="191">
        <v>0.54</v>
      </c>
      <c r="U73" s="97">
        <v>7.4307218280692894E-2</v>
      </c>
      <c r="V73" s="191">
        <v>6.0000000000000001E-3</v>
      </c>
      <c r="W73" s="97">
        <v>1.9258206239018773E-2</v>
      </c>
    </row>
    <row r="74" spans="1:23">
      <c r="A74" s="45" t="s">
        <v>443</v>
      </c>
      <c r="B74" s="53">
        <v>134</v>
      </c>
      <c r="C74" s="84">
        <v>5.13</v>
      </c>
      <c r="D74" s="85">
        <v>0.27440000000000003</v>
      </c>
      <c r="E74" s="190">
        <v>0.186</v>
      </c>
      <c r="F74" s="94">
        <v>6.7466980386654357E-2</v>
      </c>
      <c r="G74" s="190">
        <v>0.08</v>
      </c>
      <c r="H74" s="94">
        <v>4.9248816008053614E-2</v>
      </c>
      <c r="I74" s="190">
        <v>0.72699999999999998</v>
      </c>
      <c r="J74" s="94">
        <v>7.6407544930620602E-2</v>
      </c>
      <c r="K74" s="190">
        <v>8.0000000000000002E-3</v>
      </c>
      <c r="L74" s="94">
        <v>2.5117303494278671E-2</v>
      </c>
      <c r="M74" s="53">
        <v>135</v>
      </c>
      <c r="N74" s="84">
        <v>3.29</v>
      </c>
      <c r="O74" s="85">
        <v>0.31359999999999999</v>
      </c>
      <c r="P74" s="190">
        <v>0.16700000000000001</v>
      </c>
      <c r="Q74" s="94">
        <v>6.4685464087636715E-2</v>
      </c>
      <c r="R74" s="190">
        <v>0.23799999999999999</v>
      </c>
      <c r="S74" s="94">
        <v>7.3013232016924778E-2</v>
      </c>
      <c r="T74" s="190">
        <v>0.58499999999999996</v>
      </c>
      <c r="U74" s="94">
        <v>8.3654796714026494E-2</v>
      </c>
      <c r="V74" s="190">
        <v>1.0999999999999999E-2</v>
      </c>
      <c r="W74" s="94">
        <v>2.6521792395794538E-2</v>
      </c>
    </row>
    <row r="75" spans="1:23">
      <c r="A75" s="49" t="s">
        <v>444</v>
      </c>
      <c r="B75" s="49">
        <v>152</v>
      </c>
      <c r="C75" s="172">
        <v>5.4</v>
      </c>
      <c r="D75" s="132">
        <v>0.19600000000000001</v>
      </c>
      <c r="E75" s="191">
        <v>5.6000000000000001E-2</v>
      </c>
      <c r="F75" s="97">
        <v>4.0142032767662289E-2</v>
      </c>
      <c r="G75" s="191">
        <v>0.14099999999999999</v>
      </c>
      <c r="H75" s="97">
        <v>5.7209365305128324E-2</v>
      </c>
      <c r="I75" s="191">
        <v>0.78100000000000003</v>
      </c>
      <c r="J75" s="97">
        <v>6.699337284079207E-2</v>
      </c>
      <c r="K75" s="191">
        <v>2.1999999999999999E-2</v>
      </c>
      <c r="L75" s="97">
        <v>2.9125241767569122E-2</v>
      </c>
      <c r="M75" s="49">
        <v>152</v>
      </c>
      <c r="N75" s="172">
        <v>2.84</v>
      </c>
      <c r="O75" s="132">
        <v>0.25480000000000003</v>
      </c>
      <c r="P75" s="191">
        <v>7.8E-2</v>
      </c>
      <c r="Q75" s="97">
        <v>4.5553977372246285E-2</v>
      </c>
      <c r="R75" s="191">
        <v>0.27600000000000002</v>
      </c>
      <c r="S75" s="97">
        <v>7.2033492812146604E-2</v>
      </c>
      <c r="T75" s="191">
        <v>0.63500000000000001</v>
      </c>
      <c r="U75" s="97">
        <v>7.7243808670006561E-2</v>
      </c>
      <c r="V75" s="191">
        <v>0.01</v>
      </c>
      <c r="W75" s="97">
        <v>2.3780493967168644E-2</v>
      </c>
    </row>
    <row r="76" spans="1:23">
      <c r="A76" s="45" t="s">
        <v>456</v>
      </c>
      <c r="B76" s="188">
        <v>528</v>
      </c>
      <c r="C76" s="84">
        <v>4.7300000000000004</v>
      </c>
      <c r="D76" s="85">
        <v>0.15679999999999999</v>
      </c>
      <c r="E76" s="190">
        <v>0.27400000000000002</v>
      </c>
      <c r="F76" s="94">
        <v>3.8748191585859182E-2</v>
      </c>
      <c r="G76" s="190">
        <v>8.5999999999999993E-2</v>
      </c>
      <c r="H76" s="94">
        <v>2.4704523656130274E-2</v>
      </c>
      <c r="I76" s="190">
        <v>0.61899999999999999</v>
      </c>
      <c r="J76" s="94">
        <v>4.2128620351726251E-2</v>
      </c>
      <c r="K76" s="190">
        <v>2.1999999999999999E-2</v>
      </c>
      <c r="L76" s="94">
        <v>1.3693457330245866E-2</v>
      </c>
      <c r="M76" s="188">
        <v>530</v>
      </c>
      <c r="N76" s="84">
        <v>3.47</v>
      </c>
      <c r="O76" s="85">
        <v>0.15679999999999999</v>
      </c>
      <c r="P76" s="190">
        <v>0.155</v>
      </c>
      <c r="Q76" s="94">
        <v>3.153399777800317E-2</v>
      </c>
      <c r="R76" s="190">
        <v>0.27500000000000002</v>
      </c>
      <c r="S76" s="94">
        <v>3.8718284004119356E-2</v>
      </c>
      <c r="T76" s="190">
        <v>0.55000000000000004</v>
      </c>
      <c r="U76" s="94">
        <v>4.3060562951714176E-2</v>
      </c>
      <c r="V76" s="190">
        <v>0.02</v>
      </c>
      <c r="W76" s="94">
        <v>1.3136779068295617E-2</v>
      </c>
    </row>
    <row r="77" spans="1:23" ht="25.5">
      <c r="A77" s="49" t="s">
        <v>445</v>
      </c>
      <c r="B77" s="189">
        <v>173</v>
      </c>
      <c r="C77" s="172">
        <v>4.53</v>
      </c>
      <c r="D77" s="132">
        <v>0.25480000000000003</v>
      </c>
      <c r="E77" s="191">
        <v>0.29799999999999999</v>
      </c>
      <c r="F77" s="97">
        <v>6.90565001821839E-2</v>
      </c>
      <c r="G77" s="191">
        <v>0.1</v>
      </c>
      <c r="H77" s="97">
        <v>4.6855933784730089E-2</v>
      </c>
      <c r="I77" s="191">
        <v>0.59199999999999997</v>
      </c>
      <c r="J77" s="97">
        <v>7.3939084873350325E-2</v>
      </c>
      <c r="K77" s="191">
        <v>8.9999999999999993E-3</v>
      </c>
      <c r="L77" s="97">
        <v>2.1095528840622792E-2</v>
      </c>
      <c r="M77" s="189">
        <v>175</v>
      </c>
      <c r="N77" s="172">
        <v>3.57</v>
      </c>
      <c r="O77" s="132">
        <v>0.25480000000000003</v>
      </c>
      <c r="P77" s="191">
        <v>0.17799999999999999</v>
      </c>
      <c r="Q77" s="97">
        <v>5.8069145092191889E-2</v>
      </c>
      <c r="R77" s="191">
        <v>0.22700000000000001</v>
      </c>
      <c r="S77" s="97">
        <v>6.3203968514816092E-2</v>
      </c>
      <c r="T77" s="191">
        <v>0.59099999999999997</v>
      </c>
      <c r="U77" s="97">
        <v>7.3550798066664605E-2</v>
      </c>
      <c r="V77" s="191">
        <v>5.0000000000000001E-3</v>
      </c>
      <c r="W77" s="97">
        <v>1.8792297398126229E-2</v>
      </c>
    </row>
    <row r="78" spans="1:23">
      <c r="A78" s="45" t="s">
        <v>446</v>
      </c>
      <c r="B78" s="54">
        <v>123</v>
      </c>
      <c r="C78" s="84">
        <v>5.23</v>
      </c>
      <c r="D78" s="85">
        <v>0.29399999999999998</v>
      </c>
      <c r="E78" s="190">
        <v>0.183</v>
      </c>
      <c r="F78" s="94">
        <v>7.0037409679873847E-2</v>
      </c>
      <c r="G78" s="190">
        <v>5.7000000000000002E-2</v>
      </c>
      <c r="H78" s="94">
        <v>4.5565030912366022E-2</v>
      </c>
      <c r="I78" s="190">
        <v>0.71799999999999997</v>
      </c>
      <c r="J78" s="94">
        <v>8.0436309013113966E-2</v>
      </c>
      <c r="K78" s="190">
        <v>4.1000000000000002E-2</v>
      </c>
      <c r="L78" s="94">
        <v>4.0617768162902732E-2</v>
      </c>
      <c r="M78" s="54">
        <v>122</v>
      </c>
      <c r="N78" s="84">
        <v>2.91</v>
      </c>
      <c r="O78" s="85">
        <v>0.31359999999999999</v>
      </c>
      <c r="P78" s="190">
        <v>9.7000000000000003E-2</v>
      </c>
      <c r="Q78" s="94">
        <v>5.5703012098048364E-2</v>
      </c>
      <c r="R78" s="190">
        <v>0.255</v>
      </c>
      <c r="S78" s="94">
        <v>7.842206064823784E-2</v>
      </c>
      <c r="T78" s="190">
        <v>0.60499999999999998</v>
      </c>
      <c r="U78" s="94">
        <v>8.7226013465273602E-2</v>
      </c>
      <c r="V78" s="190">
        <v>4.2999999999999997E-2</v>
      </c>
      <c r="W78" s="94">
        <v>4.1480832730515484E-2</v>
      </c>
    </row>
    <row r="79" spans="1:23">
      <c r="A79" s="49" t="s">
        <v>447</v>
      </c>
      <c r="B79" s="189">
        <v>97</v>
      </c>
      <c r="C79" s="172">
        <v>5.67</v>
      </c>
      <c r="D79" s="132">
        <v>0.31359999999999999</v>
      </c>
      <c r="E79" s="191">
        <v>9.9000000000000005E-2</v>
      </c>
      <c r="F79" s="97">
        <v>6.3459194259369522E-2</v>
      </c>
      <c r="G79" s="191">
        <v>4.2999999999999997E-2</v>
      </c>
      <c r="H79" s="97">
        <v>4.7664637405672249E-2</v>
      </c>
      <c r="I79" s="191">
        <v>0.82899999999999996</v>
      </c>
      <c r="J79" s="97">
        <v>7.7117056811613321E-2</v>
      </c>
      <c r="K79" s="191">
        <v>2.9000000000000001E-2</v>
      </c>
      <c r="L79" s="97">
        <v>4.2394942995178174E-2</v>
      </c>
      <c r="M79" s="189">
        <v>97</v>
      </c>
      <c r="N79" s="172">
        <v>3.59</v>
      </c>
      <c r="O79" s="132">
        <v>0.39200000000000002</v>
      </c>
      <c r="P79" s="191">
        <v>0.19400000000000001</v>
      </c>
      <c r="Q79" s="97">
        <v>8.0501853436599477E-2</v>
      </c>
      <c r="R79" s="191">
        <v>0.21500000000000002</v>
      </c>
      <c r="S79" s="97">
        <v>8.3270111379644768E-2</v>
      </c>
      <c r="T79" s="191">
        <v>0.57199999999999995</v>
      </c>
      <c r="U79" s="97">
        <v>9.8547567625509216E-2</v>
      </c>
      <c r="V79" s="191">
        <v>1.9E-2</v>
      </c>
      <c r="W79" s="97">
        <v>3.8073269708260055E-2</v>
      </c>
    </row>
    <row r="80" spans="1:23" ht="25.5">
      <c r="A80" s="57" t="s">
        <v>448</v>
      </c>
      <c r="B80" s="188">
        <v>135</v>
      </c>
      <c r="C80" s="84">
        <v>3.04</v>
      </c>
      <c r="D80" s="85">
        <v>0.29399999999999998</v>
      </c>
      <c r="E80" s="190">
        <v>0.61399999999999999</v>
      </c>
      <c r="F80" s="94">
        <v>8.271320113285803E-2</v>
      </c>
      <c r="G80" s="190">
        <v>0.16600000000000001</v>
      </c>
      <c r="H80" s="94">
        <v>6.4545362570226764E-2</v>
      </c>
      <c r="I80" s="190">
        <v>0.22</v>
      </c>
      <c r="J80" s="94">
        <v>7.1176607999627675E-2</v>
      </c>
      <c r="K80" s="190">
        <v>0</v>
      </c>
      <c r="L80" s="94">
        <v>2.0201474828221939E-2</v>
      </c>
      <c r="M80" s="188">
        <v>136</v>
      </c>
      <c r="N80" s="84">
        <v>4.12</v>
      </c>
      <c r="O80" s="85">
        <v>0.31359999999999999</v>
      </c>
      <c r="P80" s="190">
        <v>0.16700000000000001</v>
      </c>
      <c r="Q80" s="94">
        <v>6.4444215667076019E-2</v>
      </c>
      <c r="R80" s="190">
        <v>0.47199999999999998</v>
      </c>
      <c r="S80" s="94">
        <v>8.4390277029660579E-2</v>
      </c>
      <c r="T80" s="190">
        <v>0.35299999999999998</v>
      </c>
      <c r="U80" s="94">
        <v>8.0995266175605235E-2</v>
      </c>
      <c r="V80" s="190">
        <v>8.0000000000000002E-3</v>
      </c>
      <c r="W80" s="94">
        <v>2.4825462335572465E-2</v>
      </c>
    </row>
    <row r="81" spans="1:32">
      <c r="A81" s="49" t="s">
        <v>457</v>
      </c>
      <c r="B81" s="189">
        <v>743</v>
      </c>
      <c r="C81" s="172">
        <v>5.22</v>
      </c>
      <c r="D81" s="132">
        <v>0.13720000000000002</v>
      </c>
      <c r="E81" s="191">
        <v>0.14499999999999999</v>
      </c>
      <c r="F81" s="97">
        <v>2.5904887483545549E-2</v>
      </c>
      <c r="G81" s="191">
        <v>0.14399999999999999</v>
      </c>
      <c r="H81" s="97">
        <v>2.5832085300829071E-2</v>
      </c>
      <c r="I81" s="191">
        <v>0.70399999999999996</v>
      </c>
      <c r="J81" s="97">
        <v>3.3439869387656349E-2</v>
      </c>
      <c r="K81" s="191">
        <v>8.0000000000000002E-3</v>
      </c>
      <c r="L81" s="97">
        <v>7.5059796781277313E-3</v>
      </c>
      <c r="M81" s="189">
        <v>746</v>
      </c>
      <c r="N81" s="172">
        <v>3.71</v>
      </c>
      <c r="O81" s="132">
        <v>0.1176</v>
      </c>
      <c r="P81" s="191">
        <v>0.17499999999999999</v>
      </c>
      <c r="Q81" s="97">
        <v>2.7856648491611208E-2</v>
      </c>
      <c r="R81" s="191">
        <v>0.31399999999999995</v>
      </c>
      <c r="S81" s="97">
        <v>3.3923210534853566E-2</v>
      </c>
      <c r="T81" s="191">
        <v>0.501</v>
      </c>
      <c r="U81" s="97">
        <v>3.6514764914171161E-2</v>
      </c>
      <c r="V81" s="191">
        <v>1.0999999999999999E-2</v>
      </c>
      <c r="W81" s="97">
        <v>8.4609920099241315E-3</v>
      </c>
    </row>
    <row r="82" spans="1:32">
      <c r="A82" s="57" t="s">
        <v>449</v>
      </c>
      <c r="B82" s="188">
        <v>132</v>
      </c>
      <c r="C82" s="84">
        <v>4.63</v>
      </c>
      <c r="D82" s="85">
        <v>0.31359999999999999</v>
      </c>
      <c r="E82" s="190">
        <v>0.28299999999999997</v>
      </c>
      <c r="F82" s="94">
        <v>7.7770440238715835E-2</v>
      </c>
      <c r="G82" s="190">
        <v>0.158</v>
      </c>
      <c r="H82" s="94">
        <v>6.4126496167231345E-2</v>
      </c>
      <c r="I82" s="190">
        <v>0.55800000000000005</v>
      </c>
      <c r="J82" s="94">
        <v>8.5204075489093534E-2</v>
      </c>
      <c r="K82" s="190">
        <v>0</v>
      </c>
      <c r="L82" s="94">
        <v>2.0643770871594677E-2</v>
      </c>
      <c r="M82" s="188">
        <v>133</v>
      </c>
      <c r="N82" s="84">
        <v>4.0599999999999996</v>
      </c>
      <c r="O82" s="85">
        <v>0.31359999999999999</v>
      </c>
      <c r="P82" s="190">
        <v>0.27</v>
      </c>
      <c r="Q82" s="94">
        <v>7.6443568319862862E-2</v>
      </c>
      <c r="R82" s="190">
        <v>0.28800000000000003</v>
      </c>
      <c r="S82" s="94">
        <v>7.7862344143049503E-2</v>
      </c>
      <c r="T82" s="190">
        <v>0.434</v>
      </c>
      <c r="U82" s="94">
        <v>8.4731374863845077E-2</v>
      </c>
      <c r="V82" s="190">
        <v>8.0000000000000002E-3</v>
      </c>
      <c r="W82" s="94">
        <v>2.526633137309198E-2</v>
      </c>
    </row>
    <row r="83" spans="1:32">
      <c r="A83" s="49" t="s">
        <v>450</v>
      </c>
      <c r="B83" s="189">
        <v>106</v>
      </c>
      <c r="C83" s="172">
        <v>5.41</v>
      </c>
      <c r="D83" s="132">
        <v>0.31359999999999999</v>
      </c>
      <c r="E83" s="191">
        <v>9.2999999999999999E-2</v>
      </c>
      <c r="F83" s="97">
        <v>5.9139022650023562E-2</v>
      </c>
      <c r="G83" s="191">
        <v>0.16700000000000001</v>
      </c>
      <c r="H83" s="97">
        <v>7.311983301721782E-2</v>
      </c>
      <c r="I83" s="191">
        <v>0.73099999999999998</v>
      </c>
      <c r="J83" s="97">
        <v>8.5376011108081601E-2</v>
      </c>
      <c r="K83" s="191">
        <v>8.9999999999999993E-3</v>
      </c>
      <c r="L83" s="97">
        <v>3.0827012265204984E-2</v>
      </c>
      <c r="M83" s="189">
        <v>108</v>
      </c>
      <c r="N83" s="172">
        <v>3.2</v>
      </c>
      <c r="O83" s="132">
        <v>0.3332</v>
      </c>
      <c r="P83" s="191">
        <v>9.1999999999999998E-2</v>
      </c>
      <c r="Q83" s="97">
        <v>5.8313793756486577E-2</v>
      </c>
      <c r="R83" s="191">
        <v>0.27200000000000002</v>
      </c>
      <c r="S83" s="97">
        <v>8.4866036605324102E-2</v>
      </c>
      <c r="T83" s="191">
        <v>0.624</v>
      </c>
      <c r="U83" s="97">
        <v>9.1749401218246138E-2</v>
      </c>
      <c r="V83" s="191">
        <v>1.0999999999999999E-2</v>
      </c>
      <c r="W83" s="97">
        <v>3.1426825525485855E-2</v>
      </c>
    </row>
    <row r="84" spans="1:32" ht="25.5">
      <c r="A84" s="57" t="s">
        <v>451</v>
      </c>
      <c r="B84" s="188">
        <v>189</v>
      </c>
      <c r="C84" s="84">
        <v>5.59</v>
      </c>
      <c r="D84" s="85">
        <v>0.21559999999999999</v>
      </c>
      <c r="E84" s="190">
        <v>7.3999999999999996E-2</v>
      </c>
      <c r="F84" s="94">
        <v>3.9679641933880419E-2</v>
      </c>
      <c r="G84" s="190">
        <v>0.13900000000000001</v>
      </c>
      <c r="H84" s="94">
        <v>5.090373489714619E-2</v>
      </c>
      <c r="I84" s="190">
        <v>0.78200000000000003</v>
      </c>
      <c r="J84" s="94">
        <v>6.0006592509925204E-2</v>
      </c>
      <c r="K84" s="190">
        <v>5.0000000000000001E-3</v>
      </c>
      <c r="L84" s="94">
        <v>1.7647221285115717E-2</v>
      </c>
      <c r="M84" s="188">
        <v>189</v>
      </c>
      <c r="N84" s="84">
        <v>3.76</v>
      </c>
      <c r="O84" s="85">
        <v>0.27440000000000003</v>
      </c>
      <c r="P84" s="190">
        <v>0.22900000000000001</v>
      </c>
      <c r="Q84" s="94">
        <v>6.1005672131446184E-2</v>
      </c>
      <c r="R84" s="190">
        <v>0.30000000000000004</v>
      </c>
      <c r="S84" s="94">
        <v>6.6229440946285675E-2</v>
      </c>
      <c r="T84" s="190">
        <v>0.46699999999999997</v>
      </c>
      <c r="U84" s="94">
        <v>7.1831073006266788E-2</v>
      </c>
      <c r="V84" s="190">
        <v>5.0000000000000001E-3</v>
      </c>
      <c r="W84" s="94">
        <v>1.7647221285115717E-2</v>
      </c>
    </row>
    <row r="85" spans="1:32">
      <c r="A85" s="49" t="s">
        <v>452</v>
      </c>
      <c r="B85" s="189">
        <v>83</v>
      </c>
      <c r="C85" s="172">
        <v>3.98</v>
      </c>
      <c r="D85" s="132">
        <v>0.3528</v>
      </c>
      <c r="E85" s="191">
        <v>0.29499999999999998</v>
      </c>
      <c r="F85" s="97">
        <v>9.8669431098507482E-2</v>
      </c>
      <c r="G85" s="191">
        <v>0.216</v>
      </c>
      <c r="H85" s="97">
        <v>9.0105977482288449E-2</v>
      </c>
      <c r="I85" s="191">
        <v>0.48799999999999999</v>
      </c>
      <c r="J85" s="97">
        <v>0.10718314693820277</v>
      </c>
      <c r="K85" s="191">
        <v>0</v>
      </c>
      <c r="L85" s="97">
        <v>3.2134798233390625E-2</v>
      </c>
      <c r="M85" s="189">
        <v>82</v>
      </c>
      <c r="N85" s="172">
        <v>4.01</v>
      </c>
      <c r="O85" s="132">
        <v>0.37240000000000001</v>
      </c>
      <c r="P85" s="191">
        <v>0.22500000000000001</v>
      </c>
      <c r="Q85" s="97">
        <v>9.181535610883497E-2</v>
      </c>
      <c r="R85" s="191">
        <v>0.32300000000000001</v>
      </c>
      <c r="S85" s="97">
        <v>0.10150439343633302</v>
      </c>
      <c r="T85" s="191">
        <v>0.45199999999999996</v>
      </c>
      <c r="U85" s="97">
        <v>0.10738007724478177</v>
      </c>
      <c r="V85" s="191">
        <v>0</v>
      </c>
      <c r="W85" s="97">
        <v>3.2504011252172456E-2</v>
      </c>
    </row>
    <row r="86" spans="1:32">
      <c r="A86" s="57" t="s">
        <v>453</v>
      </c>
      <c r="B86" s="188">
        <v>100</v>
      </c>
      <c r="C86" s="84">
        <v>5.29</v>
      </c>
      <c r="D86" s="85">
        <v>0.3528</v>
      </c>
      <c r="E86" s="190">
        <v>0.115</v>
      </c>
      <c r="F86" s="94">
        <v>6.5913012408967936E-2</v>
      </c>
      <c r="G86" s="190">
        <v>0.13700000000000001</v>
      </c>
      <c r="H86" s="94">
        <v>7.0211809319774013E-2</v>
      </c>
      <c r="I86" s="190">
        <v>0.74199999999999999</v>
      </c>
      <c r="J86" s="94">
        <v>8.6792034803986909E-2</v>
      </c>
      <c r="K86" s="190">
        <v>6.0000000000000001E-3</v>
      </c>
      <c r="L86" s="94">
        <v>3.0618621784789728E-2</v>
      </c>
      <c r="M86" s="188">
        <v>99</v>
      </c>
      <c r="N86" s="84">
        <v>3.5</v>
      </c>
      <c r="O86" s="85">
        <v>0.29399999999999998</v>
      </c>
      <c r="P86" s="190">
        <v>5.1999999999999998E-2</v>
      </c>
      <c r="Q86" s="94">
        <v>5.0080311331277341E-2</v>
      </c>
      <c r="R86" s="190">
        <v>0.33400000000000002</v>
      </c>
      <c r="S86" s="94">
        <v>9.3381504409331989E-2</v>
      </c>
      <c r="T86" s="190">
        <v>0.58099999999999996</v>
      </c>
      <c r="U86" s="94">
        <v>9.7331122800268427E-2</v>
      </c>
      <c r="V86" s="190">
        <v>3.3000000000000002E-2</v>
      </c>
      <c r="W86" s="94">
        <v>4.3408665314321422E-2</v>
      </c>
    </row>
    <row r="87" spans="1:32">
      <c r="A87" s="49" t="s">
        <v>454</v>
      </c>
      <c r="B87" s="189">
        <v>133</v>
      </c>
      <c r="C87" s="172">
        <v>5.38</v>
      </c>
      <c r="D87" s="132">
        <v>0.29399999999999998</v>
      </c>
      <c r="E87" s="191">
        <v>0.14699999999999999</v>
      </c>
      <c r="F87" s="97">
        <v>6.2212541882107827E-2</v>
      </c>
      <c r="G87" s="191">
        <v>0.105</v>
      </c>
      <c r="H87" s="97">
        <v>5.482631962970607E-2</v>
      </c>
      <c r="I87" s="191">
        <v>0.72799999999999998</v>
      </c>
      <c r="J87" s="97">
        <v>7.6608255023813743E-2</v>
      </c>
      <c r="K87" s="191">
        <v>0.02</v>
      </c>
      <c r="L87" s="97">
        <v>3.0973313508130741E-2</v>
      </c>
      <c r="M87" s="189">
        <v>135</v>
      </c>
      <c r="N87" s="172">
        <v>3.9</v>
      </c>
      <c r="O87" s="132">
        <v>0.29399999999999998</v>
      </c>
      <c r="P87" s="191">
        <v>0.20499999999999999</v>
      </c>
      <c r="Q87" s="97">
        <v>6.9512499042793441E-2</v>
      </c>
      <c r="R87" s="191">
        <v>0.35199999999999998</v>
      </c>
      <c r="S87" s="97">
        <v>8.1238351302354253E-2</v>
      </c>
      <c r="T87" s="191">
        <v>0.438</v>
      </c>
      <c r="U87" s="97">
        <v>8.4201548907981219E-2</v>
      </c>
      <c r="V87" s="191">
        <v>5.0000000000000001E-3</v>
      </c>
      <c r="W87" s="97">
        <v>2.3305447241256747E-2</v>
      </c>
    </row>
    <row r="90" spans="1:32" ht="18.75">
      <c r="A90" s="322" t="s">
        <v>275</v>
      </c>
      <c r="B90" s="322"/>
      <c r="C90" s="322"/>
      <c r="D90" s="322"/>
      <c r="E90" s="322"/>
      <c r="F90" s="322"/>
      <c r="G90" s="322"/>
      <c r="H90" s="322"/>
      <c r="I90" s="322"/>
      <c r="J90" s="322"/>
      <c r="K90" s="322"/>
      <c r="L90" s="322"/>
      <c r="M90" s="227"/>
      <c r="N90" s="227"/>
      <c r="O90" s="227"/>
      <c r="P90" s="257"/>
      <c r="Q90" s="257"/>
      <c r="R90" s="257"/>
      <c r="S90" s="257"/>
      <c r="T90" s="257"/>
      <c r="U90" s="257"/>
      <c r="V90" s="257"/>
      <c r="W90" s="257"/>
      <c r="X90" s="257"/>
      <c r="Y90" s="257"/>
      <c r="Z90" s="257"/>
      <c r="AA90" s="257"/>
      <c r="AB90" s="257"/>
    </row>
    <row r="91" spans="1:32" ht="38.25" customHeight="1">
      <c r="A91" s="389" t="s">
        <v>500</v>
      </c>
      <c r="B91" s="389"/>
      <c r="C91" s="389"/>
      <c r="D91" s="389"/>
      <c r="E91" s="389"/>
      <c r="F91" s="389"/>
      <c r="G91" s="389"/>
      <c r="H91" s="389"/>
      <c r="I91" s="389"/>
      <c r="J91" s="389"/>
      <c r="K91" s="389"/>
      <c r="L91" s="389"/>
      <c r="M91" s="240"/>
      <c r="N91" s="240"/>
      <c r="O91" s="240"/>
      <c r="P91" s="257"/>
      <c r="Q91" s="257"/>
      <c r="R91" s="257"/>
      <c r="S91" s="257"/>
      <c r="T91" s="257"/>
      <c r="U91" s="257"/>
      <c r="V91" s="257"/>
      <c r="W91" s="257"/>
      <c r="X91" s="257"/>
      <c r="Y91" s="257"/>
      <c r="Z91" s="257"/>
      <c r="AA91" s="257"/>
      <c r="AB91" s="257"/>
    </row>
    <row r="92" spans="1:32" ht="36" customHeight="1">
      <c r="A92" s="64"/>
      <c r="B92" s="364" t="s">
        <v>276</v>
      </c>
      <c r="C92" s="365"/>
      <c r="D92" s="365"/>
      <c r="E92" s="365"/>
      <c r="F92" s="365"/>
      <c r="G92" s="365"/>
      <c r="H92" s="365"/>
      <c r="I92" s="365"/>
      <c r="J92" s="365"/>
      <c r="K92" s="365"/>
      <c r="L92" s="366"/>
      <c r="M92" s="257"/>
      <c r="N92" s="257"/>
      <c r="O92" s="257"/>
      <c r="P92" s="257"/>
      <c r="Q92" s="257"/>
      <c r="R92" s="257"/>
      <c r="S92" s="257"/>
      <c r="T92" s="257"/>
      <c r="U92" s="257"/>
      <c r="V92" s="257"/>
      <c r="W92" s="257"/>
      <c r="X92" s="257"/>
      <c r="Y92" s="257"/>
      <c r="Z92" s="257"/>
      <c r="AA92" s="257"/>
      <c r="AB92" s="257"/>
      <c r="AC92" s="257"/>
      <c r="AD92" s="257"/>
      <c r="AE92" s="257"/>
      <c r="AF92" s="257"/>
    </row>
    <row r="93" spans="1:32" ht="39.75" customHeight="1">
      <c r="A93" s="37" t="s">
        <v>85</v>
      </c>
      <c r="B93" s="38" t="s">
        <v>86</v>
      </c>
      <c r="C93" s="39" t="s">
        <v>87</v>
      </c>
      <c r="D93" s="40" t="s">
        <v>88</v>
      </c>
      <c r="E93" s="38" t="s">
        <v>368</v>
      </c>
      <c r="F93" s="89" t="s">
        <v>162</v>
      </c>
      <c r="G93" s="38" t="s">
        <v>369</v>
      </c>
      <c r="H93" s="89" t="s">
        <v>163</v>
      </c>
      <c r="I93" s="38" t="s">
        <v>370</v>
      </c>
      <c r="J93" s="89" t="s">
        <v>136</v>
      </c>
      <c r="K93" s="38" t="s">
        <v>357</v>
      </c>
      <c r="L93" s="89" t="s">
        <v>371</v>
      </c>
      <c r="M93" s="257"/>
      <c r="N93" s="257"/>
      <c r="O93" s="257"/>
      <c r="P93" s="257"/>
      <c r="Q93" s="257"/>
      <c r="R93" s="257"/>
      <c r="S93" s="257"/>
      <c r="T93" s="257"/>
      <c r="U93" s="257"/>
      <c r="V93" s="257"/>
      <c r="W93" s="257"/>
      <c r="X93" s="257"/>
      <c r="Y93" s="257"/>
      <c r="Z93" s="257"/>
      <c r="AA93" s="257"/>
      <c r="AB93" s="257"/>
      <c r="AC93" s="257"/>
      <c r="AD93" s="257"/>
      <c r="AE93" s="257"/>
      <c r="AF93" s="257"/>
    </row>
    <row r="94" spans="1:32" ht="72">
      <c r="A94" s="41"/>
      <c r="B94" s="42" t="s">
        <v>89</v>
      </c>
      <c r="C94" s="128" t="s">
        <v>360</v>
      </c>
      <c r="D94" s="44" t="s">
        <v>91</v>
      </c>
      <c r="E94" s="42" t="s">
        <v>181</v>
      </c>
      <c r="F94" s="91" t="s">
        <v>104</v>
      </c>
      <c r="G94" s="42" t="s">
        <v>182</v>
      </c>
      <c r="H94" s="91" t="s">
        <v>104</v>
      </c>
      <c r="I94" s="42" t="s">
        <v>183</v>
      </c>
      <c r="J94" s="91" t="s">
        <v>104</v>
      </c>
      <c r="K94" s="42" t="s">
        <v>357</v>
      </c>
      <c r="L94" s="91" t="s">
        <v>104</v>
      </c>
    </row>
    <row r="95" spans="1:32">
      <c r="A95" s="45" t="s">
        <v>436</v>
      </c>
      <c r="B95" s="192">
        <v>11008</v>
      </c>
      <c r="C95" s="84">
        <v>4.67</v>
      </c>
      <c r="D95" s="85">
        <v>1.9599999999999999E-2</v>
      </c>
      <c r="E95" s="190">
        <v>0.189</v>
      </c>
      <c r="F95" s="94">
        <v>7.4634173341499794E-3</v>
      </c>
      <c r="G95" s="190">
        <v>0.216</v>
      </c>
      <c r="H95" s="94">
        <v>7.8443490467367868E-3</v>
      </c>
      <c r="I95" s="190">
        <v>0.56899999999999995</v>
      </c>
      <c r="J95" s="94">
        <v>9.4383205836198036E-3</v>
      </c>
      <c r="K95" s="190">
        <v>2.5999999999999999E-2</v>
      </c>
      <c r="L95" s="94">
        <v>3.0426913391641314E-3</v>
      </c>
    </row>
    <row r="96" spans="1:32">
      <c r="A96" s="49" t="s">
        <v>437</v>
      </c>
      <c r="B96" s="49">
        <v>8860</v>
      </c>
      <c r="C96" s="172">
        <v>4.57</v>
      </c>
      <c r="D96" s="132">
        <v>3.9199999999999999E-2</v>
      </c>
      <c r="E96" s="191">
        <v>0.215</v>
      </c>
      <c r="F96" s="97">
        <v>8.7289791651642898E-3</v>
      </c>
      <c r="G96" s="191">
        <v>0.22</v>
      </c>
      <c r="H96" s="97">
        <v>8.8016331700968512E-3</v>
      </c>
      <c r="I96" s="191">
        <v>0.54900000000000004</v>
      </c>
      <c r="J96" s="97">
        <v>1.0570401050802519E-2</v>
      </c>
      <c r="K96" s="191">
        <v>1.7000000000000001E-2</v>
      </c>
      <c r="L96" s="97">
        <v>2.763341621824688E-3</v>
      </c>
    </row>
    <row r="97" spans="1:12">
      <c r="A97" s="45" t="s">
        <v>438</v>
      </c>
      <c r="B97" s="53">
        <v>1986</v>
      </c>
      <c r="C97" s="84">
        <v>4.92</v>
      </c>
      <c r="D97" s="85">
        <v>5.8799999999999998E-2</v>
      </c>
      <c r="E97" s="190">
        <v>0.13120000000000001</v>
      </c>
      <c r="F97" s="94">
        <v>1.5172892925373804E-2</v>
      </c>
      <c r="G97" s="190">
        <v>0.19359999999999999</v>
      </c>
      <c r="H97" s="94">
        <v>1.7735979477157507E-2</v>
      </c>
      <c r="I97" s="190">
        <v>0.63390000000000002</v>
      </c>
      <c r="J97" s="94">
        <v>2.1601358359796648E-2</v>
      </c>
      <c r="K97" s="190">
        <v>4.1399999999999999E-2</v>
      </c>
      <c r="L97" s="94">
        <v>9.0260008033036035E-3</v>
      </c>
    </row>
    <row r="98" spans="1:12">
      <c r="A98" s="49" t="s">
        <v>439</v>
      </c>
      <c r="B98" s="49">
        <v>3923</v>
      </c>
      <c r="C98" s="172">
        <v>4.63</v>
      </c>
      <c r="D98" s="132">
        <v>3.9199999999999999E-2</v>
      </c>
      <c r="E98" s="191">
        <v>0.19500000000000001</v>
      </c>
      <c r="F98" s="97">
        <v>1.2652508888413648E-2</v>
      </c>
      <c r="G98" s="191">
        <v>0.216</v>
      </c>
      <c r="H98" s="97">
        <v>1.3139987003569147E-2</v>
      </c>
      <c r="I98" s="191">
        <v>0.55200000000000005</v>
      </c>
      <c r="J98" s="97">
        <v>1.5871315515762582E-2</v>
      </c>
      <c r="K98" s="191">
        <v>3.6999999999999998E-2</v>
      </c>
      <c r="L98" s="97">
        <v>6.0611841377366422E-3</v>
      </c>
    </row>
    <row r="99" spans="1:12">
      <c r="A99" s="45" t="s">
        <v>440</v>
      </c>
      <c r="B99" s="53">
        <v>3285</v>
      </c>
      <c r="C99" s="84">
        <v>4.53</v>
      </c>
      <c r="D99" s="85">
        <v>5.8799999999999998E-2</v>
      </c>
      <c r="E99" s="190">
        <v>0.23100000000000001</v>
      </c>
      <c r="F99" s="94">
        <v>1.4705579189950009E-2</v>
      </c>
      <c r="G99" s="190">
        <v>0.21</v>
      </c>
      <c r="H99" s="94">
        <v>1.4213095519256782E-2</v>
      </c>
      <c r="I99" s="190">
        <v>0.53500000000000003</v>
      </c>
      <c r="J99" s="94">
        <v>1.7394182628642438E-2</v>
      </c>
      <c r="K99" s="190">
        <v>2.4E-2</v>
      </c>
      <c r="L99" s="94">
        <v>5.3997710690620029E-3</v>
      </c>
    </row>
    <row r="100" spans="1:12">
      <c r="A100" s="49" t="s">
        <v>455</v>
      </c>
      <c r="B100" s="49">
        <v>577</v>
      </c>
      <c r="C100" s="172">
        <v>4.45</v>
      </c>
      <c r="D100" s="132">
        <v>0.1176</v>
      </c>
      <c r="E100" s="191">
        <v>0.23200000000000001</v>
      </c>
      <c r="F100" s="97">
        <v>3.5120796352380093E-2</v>
      </c>
      <c r="G100" s="191">
        <v>0.22800000000000001</v>
      </c>
      <c r="H100" s="97">
        <v>3.4911366090888421E-2</v>
      </c>
      <c r="I100" s="191">
        <v>0.51700000000000002</v>
      </c>
      <c r="J100" s="97">
        <v>4.1463333502182217E-2</v>
      </c>
      <c r="K100" s="191">
        <v>2.3E-2</v>
      </c>
      <c r="L100" s="97">
        <v>1.3274059394698813E-2</v>
      </c>
    </row>
    <row r="101" spans="1:12">
      <c r="A101" s="45" t="s">
        <v>441</v>
      </c>
      <c r="B101" s="53">
        <v>116</v>
      </c>
      <c r="C101" s="84">
        <v>4.12</v>
      </c>
      <c r="D101" s="85">
        <v>0.27440000000000003</v>
      </c>
      <c r="E101" s="190">
        <v>0.33600000000000002</v>
      </c>
      <c r="F101" s="94">
        <v>8.6576975811937101E-2</v>
      </c>
      <c r="G101" s="190">
        <v>0.26600000000000001</v>
      </c>
      <c r="H101" s="94">
        <v>8.1411211349133802E-2</v>
      </c>
      <c r="I101" s="190">
        <v>0.39800000000000002</v>
      </c>
      <c r="J101" s="94">
        <v>8.9494513798332911E-2</v>
      </c>
      <c r="K101" s="190">
        <v>0</v>
      </c>
      <c r="L101" s="94">
        <v>2.3372982186625143E-2</v>
      </c>
    </row>
    <row r="102" spans="1:12">
      <c r="A102" s="49" t="s">
        <v>442</v>
      </c>
      <c r="B102" s="49">
        <v>175</v>
      </c>
      <c r="C102" s="172">
        <v>4.4400000000000004</v>
      </c>
      <c r="D102" s="132">
        <v>0.21559999999999999</v>
      </c>
      <c r="E102" s="191">
        <v>0.219</v>
      </c>
      <c r="F102" s="97">
        <v>6.2450615709178946E-2</v>
      </c>
      <c r="G102" s="191">
        <v>0.24099999999999999</v>
      </c>
      <c r="H102" s="97">
        <v>6.4450151529235611E-2</v>
      </c>
      <c r="I102" s="191">
        <v>0.51500000000000001</v>
      </c>
      <c r="J102" s="97">
        <v>7.4711354205021008E-2</v>
      </c>
      <c r="K102" s="191">
        <v>2.5000000000000001E-2</v>
      </c>
      <c r="L102" s="97">
        <v>2.7703994322558968E-2</v>
      </c>
    </row>
    <row r="103" spans="1:12">
      <c r="A103" s="45" t="s">
        <v>443</v>
      </c>
      <c r="B103" s="53">
        <v>135</v>
      </c>
      <c r="C103" s="84">
        <v>4.3499999999999996</v>
      </c>
      <c r="D103" s="85">
        <v>0.23519999999999999</v>
      </c>
      <c r="E103" s="190">
        <v>0.28299999999999997</v>
      </c>
      <c r="F103" s="94">
        <v>7.6915755688301446E-2</v>
      </c>
      <c r="G103" s="190">
        <v>0.23499999999999999</v>
      </c>
      <c r="H103" s="94">
        <v>7.2718749084789813E-2</v>
      </c>
      <c r="I103" s="190">
        <v>0.45300000000000001</v>
      </c>
      <c r="J103" s="94">
        <v>8.4464680351777482E-2</v>
      </c>
      <c r="K103" s="190">
        <v>2.9000000000000001E-2</v>
      </c>
      <c r="L103" s="94">
        <v>3.4241258966406625E-2</v>
      </c>
    </row>
    <row r="104" spans="1:12">
      <c r="A104" s="49" t="s">
        <v>444</v>
      </c>
      <c r="B104" s="49">
        <v>151</v>
      </c>
      <c r="C104" s="172">
        <v>4.71</v>
      </c>
      <c r="D104" s="132">
        <v>0.21559999999999999</v>
      </c>
      <c r="E104" s="191">
        <v>0.159</v>
      </c>
      <c r="F104" s="97">
        <v>6.0030779202113506E-2</v>
      </c>
      <c r="G104" s="191">
        <v>0.192</v>
      </c>
      <c r="H104" s="97">
        <v>6.4251327004079095E-2</v>
      </c>
      <c r="I104" s="191">
        <v>0.62</v>
      </c>
      <c r="J104" s="97">
        <v>7.809566272637776E-2</v>
      </c>
      <c r="K104" s="191">
        <v>2.9000000000000001E-2</v>
      </c>
      <c r="L104" s="97">
        <v>3.1911619063244377E-2</v>
      </c>
    </row>
    <row r="105" spans="1:12">
      <c r="A105" s="45" t="s">
        <v>456</v>
      </c>
      <c r="B105" s="192">
        <v>527</v>
      </c>
      <c r="C105" s="84">
        <v>4.3600000000000003</v>
      </c>
      <c r="D105" s="85">
        <v>0.13720000000000002</v>
      </c>
      <c r="E105" s="190">
        <v>0.28999999999999998</v>
      </c>
      <c r="F105" s="94">
        <v>3.944644316045056E-2</v>
      </c>
      <c r="G105" s="190">
        <v>0.19500000000000001</v>
      </c>
      <c r="H105" s="94">
        <v>3.4539884186279624E-2</v>
      </c>
      <c r="I105" s="190">
        <v>0.49199999999999999</v>
      </c>
      <c r="J105" s="94">
        <v>4.3390831960280006E-2</v>
      </c>
      <c r="K105" s="190">
        <v>2.3E-2</v>
      </c>
      <c r="L105" s="94">
        <v>1.3964178269212726E-2</v>
      </c>
    </row>
    <row r="106" spans="1:12" ht="25.5">
      <c r="A106" s="49" t="s">
        <v>445</v>
      </c>
      <c r="B106" s="193">
        <v>174</v>
      </c>
      <c r="C106" s="172">
        <v>4.4800000000000004</v>
      </c>
      <c r="D106" s="132">
        <v>0.23519999999999999</v>
      </c>
      <c r="E106" s="191">
        <v>0.32500000000000001</v>
      </c>
      <c r="F106" s="97">
        <v>7.0429810350183308E-2</v>
      </c>
      <c r="G106" s="191">
        <v>0.107</v>
      </c>
      <c r="H106" s="97">
        <v>4.7973432111845536E-2</v>
      </c>
      <c r="I106" s="191">
        <v>0.56299999999999994</v>
      </c>
      <c r="J106" s="97">
        <v>7.4382458021701695E-2</v>
      </c>
      <c r="K106" s="191">
        <v>5.0000000000000001E-3</v>
      </c>
      <c r="L106" s="97">
        <v>1.8880835758966302E-2</v>
      </c>
    </row>
    <row r="107" spans="1:12">
      <c r="A107" s="45" t="s">
        <v>446</v>
      </c>
      <c r="B107" s="54">
        <v>122</v>
      </c>
      <c r="C107" s="84">
        <v>4.62</v>
      </c>
      <c r="D107" s="85">
        <v>0.27440000000000003</v>
      </c>
      <c r="E107" s="190">
        <v>0.20100000000000001</v>
      </c>
      <c r="F107" s="94">
        <v>7.2634146217815512E-2</v>
      </c>
      <c r="G107" s="190">
        <v>0.18099999999999999</v>
      </c>
      <c r="H107" s="94">
        <v>7.0056090920743511E-2</v>
      </c>
      <c r="I107" s="190">
        <v>0.55300000000000005</v>
      </c>
      <c r="J107" s="94">
        <v>8.8616620008865957E-2</v>
      </c>
      <c r="K107" s="190">
        <v>6.5000000000000002E-2</v>
      </c>
      <c r="L107" s="94">
        <v>4.8007467265211094E-2</v>
      </c>
    </row>
    <row r="108" spans="1:12">
      <c r="A108" s="49" t="s">
        <v>447</v>
      </c>
      <c r="B108" s="193">
        <v>98</v>
      </c>
      <c r="C108" s="172">
        <v>4.16</v>
      </c>
      <c r="D108" s="132">
        <v>0.29399999999999998</v>
      </c>
      <c r="E108" s="191">
        <v>0.28499999999999998</v>
      </c>
      <c r="F108" s="97">
        <v>9.0169644505867008E-2</v>
      </c>
      <c r="G108" s="191">
        <v>0.34100000000000003</v>
      </c>
      <c r="H108" s="97">
        <v>9.4280130074838958E-2</v>
      </c>
      <c r="I108" s="191">
        <v>0.36499999999999999</v>
      </c>
      <c r="J108" s="97">
        <v>9.5625163659077167E-2</v>
      </c>
      <c r="K108" s="191">
        <v>8.9999999999999993E-3</v>
      </c>
      <c r="L108" s="97">
        <v>3.2813532882549366E-2</v>
      </c>
    </row>
    <row r="109" spans="1:12" ht="25.5">
      <c r="A109" s="57" t="s">
        <v>448</v>
      </c>
      <c r="B109" s="192">
        <v>133</v>
      </c>
      <c r="C109" s="84">
        <v>4</v>
      </c>
      <c r="D109" s="85">
        <v>0.23519999999999999</v>
      </c>
      <c r="E109" s="190">
        <v>0.39300000000000002</v>
      </c>
      <c r="F109" s="94">
        <v>8.3571691295688366E-2</v>
      </c>
      <c r="G109" s="190">
        <v>0.189</v>
      </c>
      <c r="H109" s="94">
        <v>6.8101360674009404E-2</v>
      </c>
      <c r="I109" s="190">
        <v>0.41799999999999998</v>
      </c>
      <c r="J109" s="94">
        <v>8.4345987202151709E-2</v>
      </c>
      <c r="K109" s="190">
        <v>0</v>
      </c>
      <c r="L109" s="94">
        <v>2.0494202685054641E-2</v>
      </c>
    </row>
    <row r="110" spans="1:12">
      <c r="A110" s="49" t="s">
        <v>457</v>
      </c>
      <c r="B110" s="193">
        <v>747</v>
      </c>
      <c r="C110" s="172">
        <v>4.62</v>
      </c>
      <c r="D110" s="132">
        <v>9.8000000000000004E-2</v>
      </c>
      <c r="E110" s="191">
        <v>0.2</v>
      </c>
      <c r="F110" s="97">
        <v>2.927951238719877E-2</v>
      </c>
      <c r="G110" s="191">
        <v>0.19700000000000001</v>
      </c>
      <c r="H110" s="97">
        <v>2.9116267914718438E-2</v>
      </c>
      <c r="I110" s="191">
        <v>0.57899999999999996</v>
      </c>
      <c r="J110" s="97">
        <v>3.6037065175216536E-2</v>
      </c>
      <c r="K110" s="191">
        <v>2.5000000000000001E-2</v>
      </c>
      <c r="L110" s="97">
        <v>1.194128140579561E-2</v>
      </c>
    </row>
    <row r="111" spans="1:12">
      <c r="A111" s="57" t="s">
        <v>449</v>
      </c>
      <c r="B111" s="192">
        <v>133</v>
      </c>
      <c r="C111" s="84">
        <v>4.21</v>
      </c>
      <c r="D111" s="85">
        <v>0.25480000000000003</v>
      </c>
      <c r="E111" s="190">
        <v>0.32900000000000001</v>
      </c>
      <c r="F111" s="94">
        <v>8.0589357684146198E-2</v>
      </c>
      <c r="G111" s="190">
        <v>0.16800000000000001</v>
      </c>
      <c r="H111" s="94">
        <v>6.5316405727632837E-2</v>
      </c>
      <c r="I111" s="190">
        <v>0.503</v>
      </c>
      <c r="J111" s="94">
        <v>8.5434316405730348E-2</v>
      </c>
      <c r="K111" s="190">
        <v>0</v>
      </c>
      <c r="L111" s="94">
        <v>2.0494202685054641E-2</v>
      </c>
    </row>
    <row r="112" spans="1:12">
      <c r="A112" s="49" t="s">
        <v>450</v>
      </c>
      <c r="B112" s="193">
        <v>107</v>
      </c>
      <c r="C112" s="172">
        <v>4.92</v>
      </c>
      <c r="D112" s="132">
        <v>0.27440000000000003</v>
      </c>
      <c r="E112" s="191">
        <v>0.126</v>
      </c>
      <c r="F112" s="97">
        <v>6.5766036513557696E-2</v>
      </c>
      <c r="G112" s="191">
        <v>0.183</v>
      </c>
      <c r="H112" s="97">
        <v>7.5127028964279072E-2</v>
      </c>
      <c r="I112" s="191">
        <v>0.66800000000000004</v>
      </c>
      <c r="J112" s="97">
        <v>8.9799277789923304E-2</v>
      </c>
      <c r="K112" s="191">
        <v>2.3E-2</v>
      </c>
      <c r="L112" s="97">
        <v>3.7283437504155879E-2</v>
      </c>
    </row>
    <row r="113" spans="1:45" ht="25.5">
      <c r="A113" s="57" t="s">
        <v>451</v>
      </c>
      <c r="B113" s="192">
        <v>189</v>
      </c>
      <c r="C113" s="84">
        <v>4.58</v>
      </c>
      <c r="D113" s="85">
        <v>0.21559999999999999</v>
      </c>
      <c r="E113" s="190">
        <v>0.215</v>
      </c>
      <c r="F113" s="94">
        <v>5.9724228053622368E-2</v>
      </c>
      <c r="G113" s="190">
        <v>0.20899999999999999</v>
      </c>
      <c r="H113" s="94">
        <v>5.9146383653532704E-2</v>
      </c>
      <c r="I113" s="190">
        <v>0.54100000000000004</v>
      </c>
      <c r="J113" s="94">
        <v>7.1749124917026327E-2</v>
      </c>
      <c r="K113" s="190">
        <v>3.5000000000000003E-2</v>
      </c>
      <c r="L113" s="94">
        <v>2.972928516918865E-2</v>
      </c>
    </row>
    <row r="114" spans="1:45">
      <c r="A114" s="49" t="s">
        <v>452</v>
      </c>
      <c r="B114" s="193">
        <v>85</v>
      </c>
      <c r="C114" s="172">
        <v>4.2</v>
      </c>
      <c r="D114" s="132">
        <v>0.31359999999999999</v>
      </c>
      <c r="E114" s="191">
        <v>0.22800000000000001</v>
      </c>
      <c r="F114" s="97">
        <v>9.0570427853268076E-2</v>
      </c>
      <c r="G114" s="191">
        <v>0.29299999999999998</v>
      </c>
      <c r="H114" s="97">
        <v>9.7362070181388843E-2</v>
      </c>
      <c r="I114" s="191">
        <v>0.44500000000000001</v>
      </c>
      <c r="J114" s="97">
        <v>0.10541321576160417</v>
      </c>
      <c r="K114" s="191">
        <v>3.4000000000000002E-2</v>
      </c>
      <c r="L114" s="97">
        <v>4.8308464303042489E-2</v>
      </c>
    </row>
    <row r="115" spans="1:45">
      <c r="A115" s="57" t="s">
        <v>453</v>
      </c>
      <c r="B115" s="192">
        <v>99</v>
      </c>
      <c r="C115" s="84">
        <v>4.82</v>
      </c>
      <c r="D115" s="85">
        <v>0.29399999999999998</v>
      </c>
      <c r="E115" s="190">
        <v>0.14000000000000001</v>
      </c>
      <c r="F115" s="94">
        <v>7.1127005980825719E-2</v>
      </c>
      <c r="G115" s="190">
        <v>0.254</v>
      </c>
      <c r="H115" s="94">
        <v>8.6819308941365927E-2</v>
      </c>
      <c r="I115" s="190">
        <v>0.57899999999999996</v>
      </c>
      <c r="J115" s="94">
        <v>9.7390082523412941E-2</v>
      </c>
      <c r="K115" s="190">
        <v>2.7E-2</v>
      </c>
      <c r="L115" s="94">
        <v>4.1011763429434057E-2</v>
      </c>
    </row>
    <row r="116" spans="1:45">
      <c r="A116" s="49" t="s">
        <v>454</v>
      </c>
      <c r="B116" s="193">
        <v>134</v>
      </c>
      <c r="C116" s="172">
        <v>4.67</v>
      </c>
      <c r="D116" s="132">
        <v>0.25480000000000003</v>
      </c>
      <c r="E116" s="191">
        <v>0.19900000000000001</v>
      </c>
      <c r="F116" s="97">
        <v>6.9067308607626901E-2</v>
      </c>
      <c r="G116" s="191">
        <v>0.13100000000000001</v>
      </c>
      <c r="H116" s="97">
        <v>5.9373051596753872E-2</v>
      </c>
      <c r="I116" s="191">
        <v>0.64600000000000002</v>
      </c>
      <c r="J116" s="97">
        <v>8.1632226036053773E-2</v>
      </c>
      <c r="K116" s="191">
        <v>2.5000000000000001E-2</v>
      </c>
      <c r="L116" s="97">
        <v>3.2865624139770247E-2</v>
      </c>
    </row>
    <row r="117" spans="1:45">
      <c r="P117" s="257"/>
      <c r="Q117" s="257"/>
      <c r="R117" s="257"/>
      <c r="S117" s="257"/>
      <c r="T117" s="257"/>
      <c r="U117" s="257"/>
      <c r="V117" s="257"/>
      <c r="W117" s="257"/>
      <c r="X117" s="257"/>
      <c r="Y117" s="257"/>
      <c r="Z117" s="257"/>
      <c r="AA117" s="257"/>
      <c r="AB117" s="257"/>
      <c r="AC117" s="257"/>
      <c r="AD117" s="257"/>
      <c r="AE117" s="257"/>
      <c r="AF117" s="257"/>
      <c r="AG117" s="257"/>
      <c r="AH117" s="257"/>
      <c r="AI117" s="257"/>
      <c r="AJ117" s="257"/>
      <c r="AK117" s="257"/>
      <c r="AL117" s="257"/>
      <c r="AM117" s="257"/>
      <c r="AN117" s="257"/>
      <c r="AO117" s="257"/>
      <c r="AP117" s="257"/>
      <c r="AQ117" s="257"/>
      <c r="AR117" s="257"/>
      <c r="AS117" s="257"/>
    </row>
    <row r="118" spans="1:45">
      <c r="P118" s="257"/>
      <c r="Q118" s="257"/>
      <c r="R118" s="257"/>
      <c r="S118" s="257"/>
      <c r="T118" s="257"/>
      <c r="U118" s="257"/>
      <c r="V118" s="257"/>
      <c r="W118" s="257"/>
      <c r="X118" s="257"/>
      <c r="Y118" s="257"/>
      <c r="Z118" s="257"/>
      <c r="AA118" s="257"/>
      <c r="AB118" s="257"/>
      <c r="AC118" s="257"/>
      <c r="AD118" s="257"/>
      <c r="AE118" s="257"/>
      <c r="AF118" s="257"/>
      <c r="AG118" s="257"/>
      <c r="AH118" s="257"/>
      <c r="AI118" s="257"/>
      <c r="AJ118" s="257"/>
      <c r="AK118" s="257"/>
      <c r="AL118" s="257"/>
      <c r="AM118" s="257"/>
      <c r="AN118" s="257"/>
      <c r="AO118" s="257"/>
      <c r="AP118" s="257"/>
      <c r="AQ118" s="257"/>
      <c r="AR118" s="257"/>
      <c r="AS118" s="257"/>
    </row>
    <row r="119" spans="1:45" ht="18.75">
      <c r="A119" s="386" t="s">
        <v>15</v>
      </c>
      <c r="B119" s="386"/>
      <c r="C119" s="386"/>
      <c r="D119" s="386"/>
    </row>
    <row r="120" spans="1:45" ht="63.75" customHeight="1">
      <c r="A120" s="387" t="s">
        <v>501</v>
      </c>
      <c r="B120" s="387"/>
      <c r="C120" s="387"/>
      <c r="D120" s="387"/>
    </row>
    <row r="121" spans="1:45" ht="36" customHeight="1">
      <c r="A121" s="371" t="s">
        <v>279</v>
      </c>
      <c r="B121" s="371"/>
      <c r="C121" s="371"/>
      <c r="D121" s="371"/>
    </row>
    <row r="122" spans="1:45" ht="40.5" customHeight="1">
      <c r="A122" s="37" t="s">
        <v>85</v>
      </c>
      <c r="B122" s="38" t="s">
        <v>86</v>
      </c>
      <c r="C122" s="39" t="s">
        <v>87</v>
      </c>
      <c r="D122" s="40" t="s">
        <v>88</v>
      </c>
    </row>
    <row r="123" spans="1:45" ht="72">
      <c r="A123" s="41"/>
      <c r="B123" s="42" t="s">
        <v>89</v>
      </c>
      <c r="C123" s="128" t="s">
        <v>280</v>
      </c>
      <c r="D123" s="44" t="s">
        <v>91</v>
      </c>
    </row>
    <row r="124" spans="1:45">
      <c r="A124" s="45" t="s">
        <v>436</v>
      </c>
      <c r="B124" s="198">
        <v>10969</v>
      </c>
      <c r="C124" s="199">
        <v>4.75</v>
      </c>
      <c r="D124" s="200">
        <v>3.9199999999999999E-2</v>
      </c>
    </row>
    <row r="125" spans="1:45">
      <c r="A125" s="49" t="s">
        <v>437</v>
      </c>
      <c r="B125" s="49">
        <v>8844</v>
      </c>
      <c r="C125" s="202">
        <v>4.47</v>
      </c>
      <c r="D125" s="203">
        <v>3.9199999999999999E-2</v>
      </c>
    </row>
    <row r="126" spans="1:45">
      <c r="A126" s="45" t="s">
        <v>438</v>
      </c>
      <c r="B126" s="53">
        <v>1961</v>
      </c>
      <c r="C126" s="199">
        <v>5.23</v>
      </c>
      <c r="D126" s="200">
        <v>5.8799999999999998E-2</v>
      </c>
    </row>
    <row r="127" spans="1:45">
      <c r="A127" s="49" t="s">
        <v>439</v>
      </c>
      <c r="B127" s="49">
        <v>3911</v>
      </c>
      <c r="C127" s="202">
        <v>4.7699999999999996</v>
      </c>
      <c r="D127" s="203">
        <v>5.8799999999999998E-2</v>
      </c>
    </row>
    <row r="128" spans="1:45">
      <c r="A128" s="45" t="s">
        <v>440</v>
      </c>
      <c r="B128" s="53">
        <v>3280</v>
      </c>
      <c r="C128" s="199">
        <v>4.62</v>
      </c>
      <c r="D128" s="200">
        <v>5.8799999999999998E-2</v>
      </c>
    </row>
    <row r="129" spans="1:4">
      <c r="A129" s="49" t="s">
        <v>455</v>
      </c>
      <c r="B129" s="49">
        <v>573</v>
      </c>
      <c r="C129" s="202">
        <v>4.8499999999999996</v>
      </c>
      <c r="D129" s="203">
        <v>0.13720000000000002</v>
      </c>
    </row>
    <row r="130" spans="1:4">
      <c r="A130" s="45" t="s">
        <v>441</v>
      </c>
      <c r="B130" s="53">
        <v>117</v>
      </c>
      <c r="C130" s="199">
        <v>4.7300000000000004</v>
      </c>
      <c r="D130" s="200">
        <v>0.31359999999999999</v>
      </c>
    </row>
    <row r="131" spans="1:4">
      <c r="A131" s="49" t="s">
        <v>442</v>
      </c>
      <c r="B131" s="49">
        <v>176</v>
      </c>
      <c r="C131" s="202">
        <v>4.62</v>
      </c>
      <c r="D131" s="203">
        <v>0.25480000000000003</v>
      </c>
    </row>
    <row r="132" spans="1:4">
      <c r="A132" s="45" t="s">
        <v>443</v>
      </c>
      <c r="B132" s="53">
        <v>131</v>
      </c>
      <c r="C132" s="199">
        <v>4.95</v>
      </c>
      <c r="D132" s="200">
        <v>0.29399999999999998</v>
      </c>
    </row>
    <row r="133" spans="1:4">
      <c r="A133" s="49" t="s">
        <v>444</v>
      </c>
      <c r="B133" s="49">
        <v>149</v>
      </c>
      <c r="C133" s="202">
        <v>5.08</v>
      </c>
      <c r="D133" s="203">
        <v>0.21559999999999999</v>
      </c>
    </row>
    <row r="134" spans="1:4">
      <c r="A134" s="45" t="s">
        <v>456</v>
      </c>
      <c r="B134" s="198">
        <v>526</v>
      </c>
      <c r="C134" s="199">
        <v>4.47</v>
      </c>
      <c r="D134" s="200">
        <v>0.15679999999999999</v>
      </c>
    </row>
    <row r="135" spans="1:4" ht="25.5">
      <c r="A135" s="49" t="s">
        <v>445</v>
      </c>
      <c r="B135" s="201">
        <v>174</v>
      </c>
      <c r="C135" s="202">
        <v>4.2300000000000004</v>
      </c>
      <c r="D135" s="203">
        <v>0.23519999999999999</v>
      </c>
    </row>
    <row r="136" spans="1:4">
      <c r="A136" s="45" t="s">
        <v>446</v>
      </c>
      <c r="B136" s="83">
        <v>121</v>
      </c>
      <c r="C136" s="199">
        <v>4.91</v>
      </c>
      <c r="D136" s="200">
        <v>0.29399999999999998</v>
      </c>
    </row>
    <row r="137" spans="1:4">
      <c r="A137" s="49" t="s">
        <v>447</v>
      </c>
      <c r="B137" s="201">
        <v>97</v>
      </c>
      <c r="C137" s="202">
        <v>4.59</v>
      </c>
      <c r="D137" s="203">
        <v>0.3528</v>
      </c>
    </row>
    <row r="138" spans="1:4" ht="25.5">
      <c r="A138" s="57" t="s">
        <v>448</v>
      </c>
      <c r="B138" s="198">
        <v>134</v>
      </c>
      <c r="C138" s="199">
        <v>4</v>
      </c>
      <c r="D138" s="200">
        <v>0.29399999999999998</v>
      </c>
    </row>
    <row r="139" spans="1:4">
      <c r="A139" s="49" t="s">
        <v>457</v>
      </c>
      <c r="B139" s="201">
        <v>745</v>
      </c>
      <c r="C139" s="202">
        <v>4.6399999999999997</v>
      </c>
      <c r="D139" s="203">
        <v>0.1176</v>
      </c>
    </row>
    <row r="140" spans="1:4">
      <c r="A140" s="57" t="s">
        <v>449</v>
      </c>
      <c r="B140" s="198">
        <v>133</v>
      </c>
      <c r="C140" s="199">
        <v>4.49</v>
      </c>
      <c r="D140" s="200">
        <v>0.27440000000000003</v>
      </c>
    </row>
    <row r="141" spans="1:4">
      <c r="A141" s="49" t="s">
        <v>450</v>
      </c>
      <c r="B141" s="201">
        <v>108</v>
      </c>
      <c r="C141" s="202">
        <v>5.34</v>
      </c>
      <c r="D141" s="203">
        <v>0.31359999999999999</v>
      </c>
    </row>
    <row r="142" spans="1:4" ht="25.5">
      <c r="A142" s="57" t="s">
        <v>451</v>
      </c>
      <c r="B142" s="198">
        <v>188</v>
      </c>
      <c r="C142" s="199">
        <v>4.63</v>
      </c>
      <c r="D142" s="200">
        <v>0.25480000000000003</v>
      </c>
    </row>
    <row r="143" spans="1:4">
      <c r="A143" s="49" t="s">
        <v>452</v>
      </c>
      <c r="B143" s="201">
        <v>84</v>
      </c>
      <c r="C143" s="202">
        <v>4.04</v>
      </c>
      <c r="D143" s="203">
        <v>0.37240000000000001</v>
      </c>
    </row>
    <row r="144" spans="1:4">
      <c r="A144" s="57" t="s">
        <v>453</v>
      </c>
      <c r="B144" s="198">
        <v>100</v>
      </c>
      <c r="C144" s="199">
        <v>4.5599999999999996</v>
      </c>
      <c r="D144" s="200">
        <v>0.3332</v>
      </c>
    </row>
    <row r="145" spans="1:49">
      <c r="A145" s="49" t="s">
        <v>454</v>
      </c>
      <c r="B145" s="201">
        <v>132</v>
      </c>
      <c r="C145" s="202">
        <v>4.5</v>
      </c>
      <c r="D145" s="203">
        <v>0.27440000000000003</v>
      </c>
    </row>
    <row r="146" spans="1:49" s="249" customFormat="1">
      <c r="A146" s="242"/>
      <c r="B146" s="261"/>
      <c r="C146" s="262"/>
      <c r="D146" s="263"/>
    </row>
    <row r="147" spans="1:49" s="249" customFormat="1">
      <c r="A147" s="242"/>
      <c r="B147" s="261"/>
      <c r="C147" s="262"/>
      <c r="D147" s="263"/>
    </row>
    <row r="148" spans="1:49" ht="18.75">
      <c r="A148" s="322" t="s">
        <v>15</v>
      </c>
      <c r="B148" s="322"/>
      <c r="C148" s="322"/>
      <c r="D148" s="322"/>
      <c r="E148" s="322"/>
      <c r="F148" s="322"/>
      <c r="G148" s="322"/>
      <c r="H148" s="322"/>
      <c r="I148" s="322"/>
      <c r="J148" s="322"/>
      <c r="K148" s="322"/>
      <c r="L148" s="322"/>
      <c r="M148" s="322"/>
      <c r="N148" s="322"/>
      <c r="O148" s="322"/>
      <c r="P148" s="322"/>
      <c r="Q148" s="322"/>
      <c r="R148" s="322"/>
      <c r="S148" s="322"/>
      <c r="T148" s="227"/>
      <c r="U148" s="227"/>
      <c r="V148" s="227"/>
      <c r="W148" s="227"/>
      <c r="X148" s="227"/>
      <c r="Y148" s="227"/>
      <c r="Z148" s="227"/>
      <c r="AA148" s="227"/>
      <c r="AB148" s="227"/>
      <c r="AC148" s="227"/>
      <c r="AD148" s="227"/>
      <c r="AE148" s="227"/>
      <c r="AF148" s="227"/>
      <c r="AG148" s="227"/>
      <c r="AH148" s="227"/>
      <c r="AI148" s="227"/>
      <c r="AJ148" s="227"/>
      <c r="AK148" s="257"/>
      <c r="AL148" s="257"/>
      <c r="AM148" s="257"/>
      <c r="AN148" s="257"/>
      <c r="AO148" s="257"/>
      <c r="AP148" s="257"/>
      <c r="AQ148" s="257"/>
      <c r="AR148" s="257"/>
      <c r="AS148" s="257"/>
    </row>
    <row r="149" spans="1:49" ht="51" customHeight="1">
      <c r="A149" s="388" t="s">
        <v>502</v>
      </c>
      <c r="B149" s="388"/>
      <c r="C149" s="388"/>
      <c r="D149" s="388"/>
      <c r="E149" s="388"/>
      <c r="F149" s="388"/>
      <c r="G149" s="388"/>
      <c r="H149" s="388"/>
      <c r="I149" s="388"/>
      <c r="J149" s="388"/>
      <c r="K149" s="388"/>
      <c r="L149" s="388"/>
      <c r="M149" s="388"/>
      <c r="N149" s="388"/>
      <c r="O149" s="388"/>
      <c r="P149" s="388"/>
      <c r="Q149" s="388"/>
      <c r="R149" s="388"/>
      <c r="S149" s="388"/>
      <c r="T149" s="258"/>
      <c r="U149" s="258"/>
      <c r="V149" s="258"/>
      <c r="W149" s="258"/>
      <c r="X149" s="258"/>
      <c r="Y149" s="258"/>
      <c r="Z149" s="258"/>
      <c r="AA149" s="258"/>
      <c r="AB149" s="258"/>
      <c r="AC149" s="258"/>
      <c r="AD149" s="258"/>
      <c r="AE149" s="258"/>
      <c r="AF149" s="258"/>
      <c r="AG149" s="258"/>
      <c r="AH149" s="258"/>
      <c r="AI149" s="258"/>
      <c r="AJ149" s="258"/>
      <c r="AK149" s="257"/>
      <c r="AL149" s="257"/>
      <c r="AM149" s="257"/>
      <c r="AN149" s="257"/>
      <c r="AO149" s="257"/>
      <c r="AP149" s="257"/>
      <c r="AQ149" s="257"/>
      <c r="AR149" s="257"/>
      <c r="AS149" s="257"/>
    </row>
    <row r="150" spans="1:49" ht="33" customHeight="1">
      <c r="A150" s="64"/>
      <c r="B150" s="364" t="s">
        <v>277</v>
      </c>
      <c r="C150" s="365"/>
      <c r="D150" s="365"/>
      <c r="E150" s="365"/>
      <c r="F150" s="365"/>
      <c r="G150" s="365"/>
      <c r="H150" s="365"/>
      <c r="I150" s="365"/>
      <c r="J150" s="366"/>
      <c r="K150" s="364" t="s">
        <v>278</v>
      </c>
      <c r="L150" s="365"/>
      <c r="M150" s="365"/>
      <c r="N150" s="365"/>
      <c r="O150" s="365"/>
      <c r="P150" s="365"/>
      <c r="Q150" s="365"/>
      <c r="R150" s="365"/>
      <c r="S150" s="366"/>
      <c r="T150" s="257"/>
      <c r="U150" s="257"/>
      <c r="V150" s="257"/>
      <c r="W150" s="257"/>
      <c r="X150" s="257"/>
      <c r="Y150" s="257"/>
      <c r="Z150" s="257"/>
      <c r="AA150" s="257"/>
      <c r="AB150" s="257"/>
      <c r="AC150" s="257"/>
      <c r="AD150" s="257"/>
      <c r="AE150" s="257"/>
      <c r="AF150" s="257"/>
      <c r="AG150" s="257"/>
      <c r="AH150" s="257"/>
      <c r="AI150" s="257"/>
      <c r="AJ150" s="257"/>
      <c r="AK150" s="257"/>
      <c r="AL150" s="257"/>
      <c r="AM150" s="257"/>
      <c r="AN150" s="257"/>
      <c r="AO150" s="257"/>
      <c r="AP150" s="257"/>
      <c r="AQ150" s="257"/>
      <c r="AR150" s="257"/>
      <c r="AS150" s="257"/>
      <c r="AT150" s="257"/>
      <c r="AU150" s="257"/>
      <c r="AV150" s="257"/>
      <c r="AW150" s="257"/>
    </row>
    <row r="151" spans="1:49" ht="41.25" customHeight="1">
      <c r="A151" s="37" t="s">
        <v>85</v>
      </c>
      <c r="B151" s="38" t="s">
        <v>86</v>
      </c>
      <c r="C151" s="38" t="s">
        <v>368</v>
      </c>
      <c r="D151" s="89" t="s">
        <v>162</v>
      </c>
      <c r="E151" s="38" t="s">
        <v>369</v>
      </c>
      <c r="F151" s="89" t="s">
        <v>163</v>
      </c>
      <c r="G151" s="38" t="s">
        <v>370</v>
      </c>
      <c r="H151" s="89" t="s">
        <v>136</v>
      </c>
      <c r="I151" s="38" t="s">
        <v>357</v>
      </c>
      <c r="J151" s="89" t="s">
        <v>371</v>
      </c>
      <c r="K151" s="65" t="s">
        <v>86</v>
      </c>
      <c r="L151" s="65" t="s">
        <v>368</v>
      </c>
      <c r="M151" s="88" t="s">
        <v>162</v>
      </c>
      <c r="N151" s="65" t="s">
        <v>369</v>
      </c>
      <c r="O151" s="88" t="s">
        <v>163</v>
      </c>
      <c r="P151" s="65" t="s">
        <v>370</v>
      </c>
      <c r="Q151" s="260" t="s">
        <v>136</v>
      </c>
      <c r="R151" s="277" t="s">
        <v>357</v>
      </c>
      <c r="S151" s="88" t="s">
        <v>371</v>
      </c>
      <c r="T151" s="257"/>
      <c r="U151" s="257"/>
      <c r="V151" s="257"/>
      <c r="W151" s="257"/>
      <c r="X151" s="257"/>
      <c r="Y151" s="257"/>
      <c r="Z151" s="257"/>
      <c r="AA151" s="257"/>
      <c r="AB151" s="257"/>
      <c r="AC151" s="257"/>
      <c r="AD151" s="257"/>
      <c r="AE151" s="257"/>
      <c r="AF151" s="257"/>
      <c r="AG151" s="257"/>
      <c r="AH151" s="257"/>
      <c r="AI151" s="257"/>
      <c r="AJ151" s="257"/>
      <c r="AK151" s="257"/>
      <c r="AL151" s="257"/>
      <c r="AM151" s="257"/>
      <c r="AN151" s="257"/>
      <c r="AO151" s="257"/>
      <c r="AP151" s="257"/>
      <c r="AQ151" s="257"/>
      <c r="AR151" s="257"/>
      <c r="AS151" s="257"/>
      <c r="AT151" s="257"/>
      <c r="AU151" s="257"/>
      <c r="AV151" s="257"/>
      <c r="AW151" s="257"/>
    </row>
    <row r="152" spans="1:49" ht="72">
      <c r="A152" s="41"/>
      <c r="B152" s="42" t="s">
        <v>89</v>
      </c>
      <c r="C152" s="42" t="s">
        <v>181</v>
      </c>
      <c r="D152" s="91" t="s">
        <v>104</v>
      </c>
      <c r="E152" s="42" t="s">
        <v>182</v>
      </c>
      <c r="F152" s="91" t="s">
        <v>104</v>
      </c>
      <c r="G152" s="42" t="s">
        <v>183</v>
      </c>
      <c r="H152" s="91" t="s">
        <v>104</v>
      </c>
      <c r="I152" s="42" t="s">
        <v>357</v>
      </c>
      <c r="J152" s="91" t="s">
        <v>104</v>
      </c>
      <c r="K152" s="68" t="s">
        <v>89</v>
      </c>
      <c r="L152" s="68" t="s">
        <v>181</v>
      </c>
      <c r="M152" s="90" t="s">
        <v>104</v>
      </c>
      <c r="N152" s="68" t="s">
        <v>182</v>
      </c>
      <c r="O152" s="90" t="s">
        <v>104</v>
      </c>
      <c r="P152" s="68" t="s">
        <v>183</v>
      </c>
      <c r="Q152" s="274" t="s">
        <v>104</v>
      </c>
      <c r="R152" s="278" t="s">
        <v>357</v>
      </c>
      <c r="S152" s="90" t="s">
        <v>104</v>
      </c>
    </row>
    <row r="153" spans="1:49">
      <c r="A153" s="45" t="s">
        <v>436</v>
      </c>
      <c r="B153" s="194">
        <v>10994</v>
      </c>
      <c r="C153" s="196">
        <v>0.217</v>
      </c>
      <c r="D153" s="94">
        <v>7.8624575307479055E-3</v>
      </c>
      <c r="E153" s="196">
        <v>0.157</v>
      </c>
      <c r="F153" s="94">
        <v>6.9402815415828926E-3</v>
      </c>
      <c r="G153" s="196">
        <v>0.61599999999999999</v>
      </c>
      <c r="H153" s="94">
        <v>9.2755162322826542E-3</v>
      </c>
      <c r="I153" s="196">
        <v>0.01</v>
      </c>
      <c r="J153" s="94">
        <v>1.9142005459587045E-3</v>
      </c>
      <c r="K153" s="194">
        <v>10936</v>
      </c>
      <c r="L153" s="196">
        <v>0.23499999999999999</v>
      </c>
      <c r="M153" s="94">
        <v>8.1086394769137194E-3</v>
      </c>
      <c r="N153" s="196">
        <v>0.16400000000000001</v>
      </c>
      <c r="O153" s="94">
        <v>7.0823451583750634E-3</v>
      </c>
      <c r="P153" s="196">
        <v>0.58499999999999996</v>
      </c>
      <c r="Q153" s="275">
        <v>9.4216732988684944E-3</v>
      </c>
      <c r="R153" s="196">
        <v>1.6E-2</v>
      </c>
      <c r="S153" s="94">
        <v>2.4122835457088109E-3</v>
      </c>
    </row>
    <row r="154" spans="1:49">
      <c r="A154" s="49" t="s">
        <v>437</v>
      </c>
      <c r="B154" s="195">
        <v>8846</v>
      </c>
      <c r="C154" s="197">
        <v>0.27100000000000002</v>
      </c>
      <c r="D154" s="97">
        <v>9.4505885646016148E-3</v>
      </c>
      <c r="E154" s="197">
        <v>0.17199999999999999</v>
      </c>
      <c r="F154" s="97">
        <v>8.0257559714557187E-3</v>
      </c>
      <c r="G154" s="197">
        <v>0.55200000000000005</v>
      </c>
      <c r="H154" s="97">
        <v>1.0572289624566604E-2</v>
      </c>
      <c r="I154" s="197">
        <v>5.0000000000000001E-3</v>
      </c>
      <c r="J154" s="97">
        <v>1.5325384533886575E-3</v>
      </c>
      <c r="K154" s="195">
        <v>8788</v>
      </c>
      <c r="L154" s="197">
        <v>0.30599999999999999</v>
      </c>
      <c r="M154" s="97">
        <v>9.8301831780381651E-3</v>
      </c>
      <c r="N154" s="197">
        <v>0.16300000000000001</v>
      </c>
      <c r="O154" s="97">
        <v>7.8814670423614352E-3</v>
      </c>
      <c r="P154" s="197">
        <v>0.51700000000000002</v>
      </c>
      <c r="Q154" s="276">
        <v>1.065872412000966E-2</v>
      </c>
      <c r="R154" s="197">
        <v>1.4999999999999999E-2</v>
      </c>
      <c r="S154" s="97">
        <v>2.6113933540104304E-3</v>
      </c>
    </row>
    <row r="155" spans="1:49">
      <c r="A155" s="45" t="s">
        <v>438</v>
      </c>
      <c r="B155" s="194">
        <v>1981</v>
      </c>
      <c r="C155" s="196">
        <v>0.11840000000000001</v>
      </c>
      <c r="D155" s="94">
        <v>1.454379121715217E-2</v>
      </c>
      <c r="E155" s="196">
        <v>0.1258</v>
      </c>
      <c r="F155" s="94">
        <v>1.4924706173141757E-2</v>
      </c>
      <c r="G155" s="196">
        <v>0.74</v>
      </c>
      <c r="H155" s="94">
        <v>1.9702160485177807E-2</v>
      </c>
      <c r="I155" s="196">
        <v>1.5800000000000002E-2</v>
      </c>
      <c r="J155" s="94">
        <v>5.7652294295213189E-3</v>
      </c>
      <c r="K155" s="194">
        <v>1977</v>
      </c>
      <c r="L155" s="196">
        <v>0.13400000000000001</v>
      </c>
      <c r="M155" s="94">
        <v>1.5342919645146553E-2</v>
      </c>
      <c r="N155" s="196">
        <v>0.14299999999999999</v>
      </c>
      <c r="O155" s="94">
        <v>1.5763597186087424E-2</v>
      </c>
      <c r="P155" s="196">
        <v>0.70889999999999997</v>
      </c>
      <c r="Q155" s="275">
        <v>2.0421447639730615E-2</v>
      </c>
      <c r="R155" s="196">
        <v>1.41E-2</v>
      </c>
      <c r="S155" s="94">
        <v>5.4765214894881694E-3</v>
      </c>
    </row>
    <row r="156" spans="1:49">
      <c r="A156" s="49" t="s">
        <v>439</v>
      </c>
      <c r="B156" s="195">
        <v>3925</v>
      </c>
      <c r="C156" s="197">
        <v>0.214</v>
      </c>
      <c r="D156" s="97">
        <v>1.3092480475483885E-2</v>
      </c>
      <c r="E156" s="197">
        <v>0.158</v>
      </c>
      <c r="F156" s="97">
        <v>1.1648278695385641E-2</v>
      </c>
      <c r="G156" s="197">
        <v>0.61399999999999999</v>
      </c>
      <c r="H156" s="97">
        <v>1.5534277183057141E-2</v>
      </c>
      <c r="I156" s="197">
        <v>1.4E-2</v>
      </c>
      <c r="J156" s="97">
        <v>3.8135047794509089E-3</v>
      </c>
      <c r="K156" s="195">
        <v>3889</v>
      </c>
      <c r="L156" s="197">
        <v>0.23899999999999999</v>
      </c>
      <c r="M156" s="97">
        <v>1.3675589436764205E-2</v>
      </c>
      <c r="N156" s="197">
        <v>0.153</v>
      </c>
      <c r="O156" s="97">
        <v>1.1550192449235599E-2</v>
      </c>
      <c r="P156" s="197">
        <v>0.58599999999999997</v>
      </c>
      <c r="Q156" s="276">
        <v>1.5788845270928987E-2</v>
      </c>
      <c r="R156" s="197">
        <v>2.1999999999999999E-2</v>
      </c>
      <c r="S156" s="97">
        <v>4.7528472847506026E-3</v>
      </c>
    </row>
    <row r="157" spans="1:49">
      <c r="A157" s="45" t="s">
        <v>440</v>
      </c>
      <c r="B157" s="194">
        <v>3287</v>
      </c>
      <c r="C157" s="196">
        <v>0.249</v>
      </c>
      <c r="D157" s="94">
        <v>1.5082153404711411E-2</v>
      </c>
      <c r="E157" s="196">
        <v>0.161</v>
      </c>
      <c r="F157" s="94">
        <v>1.2826504600705897E-2</v>
      </c>
      <c r="G157" s="196">
        <v>0.58199999999999996</v>
      </c>
      <c r="H157" s="94">
        <v>1.7196112117409231E-2</v>
      </c>
      <c r="I157" s="196">
        <v>8.0000000000000002E-3</v>
      </c>
      <c r="J157" s="94">
        <v>3.2187669495141965E-3</v>
      </c>
      <c r="K157" s="194">
        <v>3251</v>
      </c>
      <c r="L157" s="196">
        <v>0.28399999999999997</v>
      </c>
      <c r="M157" s="94">
        <v>1.5812208185501289E-2</v>
      </c>
      <c r="N157" s="196">
        <v>0.15</v>
      </c>
      <c r="O157" s="94">
        <v>1.2532030373639209E-2</v>
      </c>
      <c r="P157" s="196">
        <v>0.54600000000000004</v>
      </c>
      <c r="Q157" s="275">
        <v>1.7453530927463268E-2</v>
      </c>
      <c r="R157" s="196">
        <v>2.1000000000000001E-2</v>
      </c>
      <c r="S157" s="94">
        <v>5.0948079113644811E-3</v>
      </c>
    </row>
    <row r="158" spans="1:49">
      <c r="A158" s="49" t="s">
        <v>455</v>
      </c>
      <c r="B158" s="195">
        <v>577</v>
      </c>
      <c r="C158" s="197">
        <v>0.21099999999999999</v>
      </c>
      <c r="D158" s="97">
        <v>3.3971241475458096E-2</v>
      </c>
      <c r="E158" s="197">
        <v>0.126</v>
      </c>
      <c r="F158" s="97">
        <v>2.7773781700787582E-2</v>
      </c>
      <c r="G158" s="197">
        <v>0.65</v>
      </c>
      <c r="H158" s="97">
        <v>3.9602912338998889E-2</v>
      </c>
      <c r="I158" s="197">
        <v>1.2E-2</v>
      </c>
      <c r="J158" s="97">
        <v>1.0204046807009409E-2</v>
      </c>
      <c r="K158" s="195">
        <v>573</v>
      </c>
      <c r="L158" s="197">
        <v>0.219</v>
      </c>
      <c r="M158" s="97">
        <v>3.4543819424261414E-2</v>
      </c>
      <c r="N158" s="197">
        <v>0.14399999999999999</v>
      </c>
      <c r="O158" s="97">
        <v>2.943901617265355E-2</v>
      </c>
      <c r="P158" s="197">
        <v>0.60799999999999998</v>
      </c>
      <c r="Q158" s="276">
        <v>4.0661527913238425E-2</v>
      </c>
      <c r="R158" s="197">
        <v>2.9000000000000001E-2</v>
      </c>
      <c r="S158" s="97">
        <v>1.4712525180726388E-2</v>
      </c>
    </row>
    <row r="159" spans="1:49">
      <c r="A159" s="45" t="s">
        <v>441</v>
      </c>
      <c r="B159" s="194">
        <v>117</v>
      </c>
      <c r="C159" s="196">
        <v>0.19400000000000001</v>
      </c>
      <c r="D159" s="94">
        <v>7.3282535432135157E-2</v>
      </c>
      <c r="E159" s="196">
        <v>0.21099999999999999</v>
      </c>
      <c r="F159" s="94">
        <v>7.5385461482778651E-2</v>
      </c>
      <c r="G159" s="196">
        <v>0.59499999999999997</v>
      </c>
      <c r="H159" s="94">
        <v>8.9361709310690138E-2</v>
      </c>
      <c r="I159" s="196">
        <v>0</v>
      </c>
      <c r="J159" s="94">
        <v>2.3181440451602572E-2</v>
      </c>
      <c r="K159" s="194">
        <v>115</v>
      </c>
      <c r="L159" s="196">
        <v>0.20699999999999999</v>
      </c>
      <c r="M159" s="94">
        <v>7.5554057374242381E-2</v>
      </c>
      <c r="N159" s="196">
        <v>0.254</v>
      </c>
      <c r="O159" s="94">
        <v>8.0645281541544905E-2</v>
      </c>
      <c r="P159" s="196">
        <v>0.51900000000000002</v>
      </c>
      <c r="Q159" s="275">
        <v>9.1608017891864069E-2</v>
      </c>
      <c r="R159" s="196">
        <v>0.02</v>
      </c>
      <c r="S159" s="94">
        <v>3.4215704798203309E-2</v>
      </c>
    </row>
    <row r="160" spans="1:49">
      <c r="A160" s="49" t="s">
        <v>442</v>
      </c>
      <c r="B160" s="195">
        <v>175</v>
      </c>
      <c r="C160" s="197">
        <v>0.30299999999999999</v>
      </c>
      <c r="D160" s="97">
        <v>6.8975925000368934E-2</v>
      </c>
      <c r="E160" s="197">
        <v>0.13600000000000001</v>
      </c>
      <c r="F160" s="97">
        <v>5.2503672807986783E-2</v>
      </c>
      <c r="G160" s="197">
        <v>0.55300000000000005</v>
      </c>
      <c r="H160" s="97">
        <v>7.4341074039259825E-2</v>
      </c>
      <c r="I160" s="197">
        <v>7.0000000000000001E-3</v>
      </c>
      <c r="J160" s="97">
        <v>1.9883547081739516E-2</v>
      </c>
      <c r="K160" s="195">
        <v>173</v>
      </c>
      <c r="L160" s="197">
        <v>0.25900000000000001</v>
      </c>
      <c r="M160" s="97">
        <v>6.6300883660763463E-2</v>
      </c>
      <c r="N160" s="197">
        <v>0.14000000000000001</v>
      </c>
      <c r="O160" s="97">
        <v>5.3402096753434831E-2</v>
      </c>
      <c r="P160" s="197">
        <v>0.59299999999999997</v>
      </c>
      <c r="Q160" s="276">
        <v>7.391207146389607E-2</v>
      </c>
      <c r="R160" s="197">
        <v>8.0000000000000002E-3</v>
      </c>
      <c r="S160" s="97">
        <v>2.058638764601476E-2</v>
      </c>
    </row>
    <row r="161" spans="1:19">
      <c r="A161" s="45" t="s">
        <v>443</v>
      </c>
      <c r="B161" s="194">
        <v>134</v>
      </c>
      <c r="C161" s="196">
        <v>0.187</v>
      </c>
      <c r="D161" s="94">
        <v>6.7593853746833465E-2</v>
      </c>
      <c r="E161" s="196">
        <v>0.1</v>
      </c>
      <c r="F161" s="94">
        <v>5.3606439364976957E-2</v>
      </c>
      <c r="G161" s="196">
        <v>0.68700000000000006</v>
      </c>
      <c r="H161" s="94">
        <v>7.93138708675276E-2</v>
      </c>
      <c r="I161" s="196">
        <v>2.5000000000000001E-2</v>
      </c>
      <c r="J161" s="94">
        <v>3.2865624139770247E-2</v>
      </c>
      <c r="K161" s="194">
        <v>134</v>
      </c>
      <c r="L161" s="196">
        <v>0.19900000000000001</v>
      </c>
      <c r="M161" s="94">
        <v>6.9067308607626901E-2</v>
      </c>
      <c r="N161" s="196">
        <v>0.155</v>
      </c>
      <c r="O161" s="94">
        <v>6.3193973295477837E-2</v>
      </c>
      <c r="P161" s="196">
        <v>0.57699999999999996</v>
      </c>
      <c r="Q161" s="275">
        <v>8.4168521231709509E-2</v>
      </c>
      <c r="R161" s="196">
        <v>6.9000000000000006E-2</v>
      </c>
      <c r="S161" s="94">
        <v>4.6579116030124372E-2</v>
      </c>
    </row>
    <row r="162" spans="1:19">
      <c r="A162" s="49" t="s">
        <v>444</v>
      </c>
      <c r="B162" s="195">
        <v>151</v>
      </c>
      <c r="C162" s="197">
        <v>0.14499999999999999</v>
      </c>
      <c r="D162" s="97">
        <v>5.8009028638465084E-2</v>
      </c>
      <c r="E162" s="197">
        <v>8.5999999999999993E-2</v>
      </c>
      <c r="F162" s="97">
        <v>4.7474570459572381E-2</v>
      </c>
      <c r="G162" s="197">
        <v>0.755</v>
      </c>
      <c r="H162" s="97">
        <v>6.9706819056724628E-2</v>
      </c>
      <c r="I162" s="197">
        <v>1.4999999999999999E-2</v>
      </c>
      <c r="J162" s="97">
        <v>2.6278406037651813E-2</v>
      </c>
      <c r="K162" s="195">
        <v>151</v>
      </c>
      <c r="L162" s="197">
        <v>0.19800000000000001</v>
      </c>
      <c r="M162" s="97">
        <v>6.4945150819370828E-2</v>
      </c>
      <c r="N162" s="197">
        <v>8.4000000000000005E-2</v>
      </c>
      <c r="O162" s="97">
        <v>4.7044432522868683E-2</v>
      </c>
      <c r="P162" s="197">
        <v>0.68700000000000006</v>
      </c>
      <c r="Q162" s="276">
        <v>7.4800821662727876E-2</v>
      </c>
      <c r="R162" s="197">
        <v>3.1E-2</v>
      </c>
      <c r="S162" s="97">
        <v>3.2625079500693509E-2</v>
      </c>
    </row>
    <row r="163" spans="1:19">
      <c r="A163" s="45" t="s">
        <v>456</v>
      </c>
      <c r="B163" s="194">
        <v>529</v>
      </c>
      <c r="C163" s="196">
        <v>0.28499999999999998</v>
      </c>
      <c r="D163" s="94">
        <v>3.9172127512945021E-2</v>
      </c>
      <c r="E163" s="196">
        <v>0.185</v>
      </c>
      <c r="F163" s="94">
        <v>3.3803173516501743E-2</v>
      </c>
      <c r="G163" s="196">
        <v>0.51</v>
      </c>
      <c r="H163" s="94">
        <v>4.3306273917825891E-2</v>
      </c>
      <c r="I163" s="196">
        <v>2.1000000000000001E-2</v>
      </c>
      <c r="J163" s="94">
        <v>1.341776290428635E-2</v>
      </c>
      <c r="K163" s="194">
        <v>523</v>
      </c>
      <c r="L163" s="196">
        <v>0.29299999999999998</v>
      </c>
      <c r="M163" s="94">
        <v>3.9714253619421234E-2</v>
      </c>
      <c r="N163" s="196">
        <v>0.158</v>
      </c>
      <c r="O163" s="94">
        <v>3.1987284746364981E-2</v>
      </c>
      <c r="P163" s="196">
        <v>0.51700000000000002</v>
      </c>
      <c r="Q163" s="275">
        <v>4.3535879808735772E-2</v>
      </c>
      <c r="R163" s="196">
        <v>3.2000000000000001E-2</v>
      </c>
      <c r="S163" s="94">
        <v>1.6132333322194704E-2</v>
      </c>
    </row>
    <row r="164" spans="1:19" ht="25.5">
      <c r="A164" s="49" t="s">
        <v>445</v>
      </c>
      <c r="B164" s="195">
        <v>174</v>
      </c>
      <c r="C164" s="197">
        <v>0.372</v>
      </c>
      <c r="D164" s="97">
        <v>7.2568307356129153E-2</v>
      </c>
      <c r="E164" s="197">
        <v>0.125</v>
      </c>
      <c r="F164" s="97">
        <v>5.0973491890054443E-2</v>
      </c>
      <c r="G164" s="197">
        <v>0.49399999999999999</v>
      </c>
      <c r="H164" s="97">
        <v>7.4948011913878121E-2</v>
      </c>
      <c r="I164" s="197">
        <v>8.0000000000000002E-3</v>
      </c>
      <c r="J164" s="97">
        <v>2.0495569149909472E-2</v>
      </c>
      <c r="K164" s="195">
        <v>170</v>
      </c>
      <c r="L164" s="197">
        <v>0.28799999999999998</v>
      </c>
      <c r="M164" s="97">
        <v>6.8999190264473154E-2</v>
      </c>
      <c r="N164" s="197">
        <v>0.184</v>
      </c>
      <c r="O164" s="97">
        <v>5.9631494690981217E-2</v>
      </c>
      <c r="P164" s="197">
        <v>0.495</v>
      </c>
      <c r="Q164" s="276">
        <v>7.5806186053570604E-2</v>
      </c>
      <c r="R164" s="197">
        <v>3.3000000000000002E-2</v>
      </c>
      <c r="S164" s="97">
        <v>3.1007165156883523E-2</v>
      </c>
    </row>
    <row r="165" spans="1:19">
      <c r="A165" s="45" t="s">
        <v>446</v>
      </c>
      <c r="B165" s="194">
        <v>123</v>
      </c>
      <c r="C165" s="196">
        <v>0.16300000000000001</v>
      </c>
      <c r="D165" s="94">
        <v>6.7222112054425728E-2</v>
      </c>
      <c r="E165" s="196">
        <v>0.187</v>
      </c>
      <c r="F165" s="94">
        <v>7.0566903564509925E-2</v>
      </c>
      <c r="G165" s="196">
        <v>0.60399999999999998</v>
      </c>
      <c r="H165" s="94">
        <v>8.6916485092442486E-2</v>
      </c>
      <c r="I165" s="196">
        <v>4.5999999999999999E-2</v>
      </c>
      <c r="J165" s="94">
        <v>4.2245334293351394E-2</v>
      </c>
      <c r="K165" s="194">
        <v>122</v>
      </c>
      <c r="L165" s="196">
        <v>0.23300000000000001</v>
      </c>
      <c r="M165" s="94">
        <v>7.6254677693479322E-2</v>
      </c>
      <c r="N165" s="196">
        <v>7.2999999999999995E-2</v>
      </c>
      <c r="O165" s="94">
        <v>5.009948558428827E-2</v>
      </c>
      <c r="P165" s="196">
        <v>0.65200000000000002</v>
      </c>
      <c r="Q165" s="275">
        <v>8.5140339082365984E-2</v>
      </c>
      <c r="R165" s="196">
        <v>4.2000000000000003E-2</v>
      </c>
      <c r="S165" s="94">
        <v>4.115126831272465E-2</v>
      </c>
    </row>
    <row r="166" spans="1:19">
      <c r="A166" s="49" t="s">
        <v>447</v>
      </c>
      <c r="B166" s="195">
        <v>98</v>
      </c>
      <c r="C166" s="197">
        <v>0.26600000000000001</v>
      </c>
      <c r="D166" s="97">
        <v>8.8440603890870495E-2</v>
      </c>
      <c r="E166" s="197">
        <v>0.20799999999999999</v>
      </c>
      <c r="F166" s="97">
        <v>8.1959398747322859E-2</v>
      </c>
      <c r="G166" s="197">
        <v>0.52600000000000002</v>
      </c>
      <c r="H166" s="97">
        <v>9.8891102715967197E-2</v>
      </c>
      <c r="I166" s="197">
        <v>0</v>
      </c>
      <c r="J166" s="97">
        <v>2.745647223584333E-2</v>
      </c>
      <c r="K166" s="195">
        <v>98</v>
      </c>
      <c r="L166" s="197">
        <v>0.29199999999999998</v>
      </c>
      <c r="M166" s="97">
        <v>9.0762072171083424E-2</v>
      </c>
      <c r="N166" s="197">
        <v>0.192</v>
      </c>
      <c r="O166" s="97">
        <v>7.9811155842430065E-2</v>
      </c>
      <c r="P166" s="197">
        <v>0.496</v>
      </c>
      <c r="Q166" s="276">
        <v>9.9011829417249869E-2</v>
      </c>
      <c r="R166" s="197">
        <v>1.9E-2</v>
      </c>
      <c r="S166" s="97">
        <v>3.779675140708038E-2</v>
      </c>
    </row>
    <row r="167" spans="1:19" ht="25.5">
      <c r="A167" s="57" t="s">
        <v>448</v>
      </c>
      <c r="B167" s="194">
        <v>134</v>
      </c>
      <c r="C167" s="196">
        <v>0.371</v>
      </c>
      <c r="D167" s="94">
        <v>8.2411078922391412E-2</v>
      </c>
      <c r="E167" s="196">
        <v>0.25700000000000001</v>
      </c>
      <c r="F167" s="94">
        <v>7.5050614775798163E-2</v>
      </c>
      <c r="G167" s="196">
        <v>0.34599999999999997</v>
      </c>
      <c r="H167" s="94">
        <v>8.1229486213740917E-2</v>
      </c>
      <c r="I167" s="196">
        <v>2.5999999999999999E-2</v>
      </c>
      <c r="J167" s="94">
        <v>3.3257855973785229E-2</v>
      </c>
      <c r="K167" s="194">
        <v>133</v>
      </c>
      <c r="L167" s="196">
        <v>0.41199999999999998</v>
      </c>
      <c r="M167" s="94">
        <v>8.4179440397106522E-2</v>
      </c>
      <c r="N167" s="196">
        <v>0.222</v>
      </c>
      <c r="O167" s="94">
        <v>7.1921094649545395E-2</v>
      </c>
      <c r="P167" s="196">
        <v>0.34</v>
      </c>
      <c r="Q167" s="275">
        <v>8.1208583792064304E-2</v>
      </c>
      <c r="R167" s="196">
        <v>2.5999999999999999E-2</v>
      </c>
      <c r="S167" s="94">
        <v>3.3419360177043028E-2</v>
      </c>
    </row>
    <row r="168" spans="1:19">
      <c r="A168" s="49" t="s">
        <v>457</v>
      </c>
      <c r="B168" s="195">
        <v>749</v>
      </c>
      <c r="C168" s="197">
        <v>0.23</v>
      </c>
      <c r="D168" s="97">
        <v>3.0738795441412298E-2</v>
      </c>
      <c r="E168" s="197">
        <v>0.16500000000000001</v>
      </c>
      <c r="F168" s="97">
        <v>2.7169638812868688E-2</v>
      </c>
      <c r="G168" s="197">
        <v>0.59499999999999997</v>
      </c>
      <c r="H168" s="97">
        <v>3.578529960480769E-2</v>
      </c>
      <c r="I168" s="197">
        <v>0.01</v>
      </c>
      <c r="J168" s="97">
        <v>8.1304399135827127E-3</v>
      </c>
      <c r="K168" s="195">
        <v>739</v>
      </c>
      <c r="L168" s="197">
        <v>0.29599999999999999</v>
      </c>
      <c r="M168" s="97">
        <v>3.3529953261603691E-2</v>
      </c>
      <c r="N168" s="197">
        <v>0.14599999999999999</v>
      </c>
      <c r="O168" s="97">
        <v>2.6047855887290767E-2</v>
      </c>
      <c r="P168" s="197">
        <v>0.54</v>
      </c>
      <c r="Q168" s="276">
        <v>3.6570121517414407E-2</v>
      </c>
      <c r="R168" s="197">
        <v>1.9E-2</v>
      </c>
      <c r="S168" s="97">
        <v>1.0663934115918273E-2</v>
      </c>
    </row>
    <row r="169" spans="1:19">
      <c r="A169" s="57" t="s">
        <v>449</v>
      </c>
      <c r="B169" s="194">
        <v>133</v>
      </c>
      <c r="C169" s="196">
        <v>0.23699999999999999</v>
      </c>
      <c r="D169" s="94">
        <v>7.3457093336735252E-2</v>
      </c>
      <c r="E169" s="196">
        <v>0.13800000000000001</v>
      </c>
      <c r="F169" s="94">
        <v>6.0772759304485481E-2</v>
      </c>
      <c r="G169" s="196">
        <v>0.625</v>
      </c>
      <c r="H169" s="94">
        <v>8.2881339666487433E-2</v>
      </c>
      <c r="I169" s="196">
        <v>0</v>
      </c>
      <c r="J169" s="94">
        <v>2.0494202685054641E-2</v>
      </c>
      <c r="K169" s="194">
        <v>132</v>
      </c>
      <c r="L169" s="196">
        <v>0.34899999999999998</v>
      </c>
      <c r="M169" s="94">
        <v>8.1982873255489933E-2</v>
      </c>
      <c r="N169" s="196">
        <v>0.151</v>
      </c>
      <c r="O169" s="94">
        <v>6.3072880468230869E-2</v>
      </c>
      <c r="P169" s="196">
        <v>0.48399999999999999</v>
      </c>
      <c r="Q169" s="275">
        <v>8.5707923542390763E-2</v>
      </c>
      <c r="R169" s="196">
        <v>1.6E-2</v>
      </c>
      <c r="S169" s="94">
        <v>2.9366407933548857E-2</v>
      </c>
    </row>
    <row r="170" spans="1:19">
      <c r="A170" s="49" t="s">
        <v>450</v>
      </c>
      <c r="B170" s="195">
        <v>108</v>
      </c>
      <c r="C170" s="197">
        <v>0.128</v>
      </c>
      <c r="D170" s="97">
        <v>6.5825543572301193E-2</v>
      </c>
      <c r="E170" s="197">
        <v>9.7000000000000003E-2</v>
      </c>
      <c r="F170" s="97">
        <v>5.9457214064403421E-2</v>
      </c>
      <c r="G170" s="197">
        <v>0.77500000000000002</v>
      </c>
      <c r="H170" s="97">
        <v>8.0107143710136733E-2</v>
      </c>
      <c r="I170" s="197">
        <v>0</v>
      </c>
      <c r="J170" s="97">
        <v>2.5027317436669111E-2</v>
      </c>
      <c r="K170" s="195">
        <v>107</v>
      </c>
      <c r="L170" s="197">
        <v>0.14799999999999999</v>
      </c>
      <c r="M170" s="97">
        <v>6.9713730417598443E-2</v>
      </c>
      <c r="N170" s="197">
        <v>0.10299999999999999</v>
      </c>
      <c r="O170" s="97">
        <v>6.1084946556009483E-2</v>
      </c>
      <c r="P170" s="197">
        <v>0.72499999999999998</v>
      </c>
      <c r="Q170" s="276">
        <v>8.552074870342756E-2</v>
      </c>
      <c r="R170" s="197">
        <v>2.3E-2</v>
      </c>
      <c r="S170" s="97">
        <v>3.7283437504155879E-2</v>
      </c>
    </row>
    <row r="171" spans="1:19" ht="25.5">
      <c r="A171" s="57" t="s">
        <v>451</v>
      </c>
      <c r="B171" s="194">
        <v>190</v>
      </c>
      <c r="C171" s="196">
        <v>0.25600000000000001</v>
      </c>
      <c r="D171" s="94">
        <v>6.3064977545029904E-2</v>
      </c>
      <c r="E171" s="196">
        <v>0.19</v>
      </c>
      <c r="F171" s="94">
        <v>5.7044390762479379E-2</v>
      </c>
      <c r="G171" s="196">
        <v>0.53200000000000003</v>
      </c>
      <c r="H171" s="94">
        <v>7.1654640136689526E-2</v>
      </c>
      <c r="I171" s="196">
        <v>2.1999999999999999E-2</v>
      </c>
      <c r="J171" s="94">
        <v>2.5216949947345371E-2</v>
      </c>
      <c r="K171" s="194">
        <v>186</v>
      </c>
      <c r="L171" s="196">
        <v>0.25800000000000001</v>
      </c>
      <c r="M171" s="94">
        <v>6.3887383860910599E-2</v>
      </c>
      <c r="N171" s="196">
        <v>0.17599999999999999</v>
      </c>
      <c r="O171" s="94">
        <v>5.6082179428005065E-2</v>
      </c>
      <c r="P171" s="196">
        <v>0.54700000000000004</v>
      </c>
      <c r="Q171" s="275">
        <v>7.2239809912343023E-2</v>
      </c>
      <c r="R171" s="196">
        <v>1.9E-2</v>
      </c>
      <c r="S171" s="94">
        <v>2.4399298315193427E-2</v>
      </c>
    </row>
    <row r="172" spans="1:19">
      <c r="A172" s="49" t="s">
        <v>452</v>
      </c>
      <c r="B172" s="195">
        <v>83</v>
      </c>
      <c r="C172" s="197">
        <v>0.36299999999999999</v>
      </c>
      <c r="D172" s="97">
        <v>0.10348351182763228</v>
      </c>
      <c r="E172" s="197">
        <v>0.23200000000000001</v>
      </c>
      <c r="F172" s="97">
        <v>9.2134004861934266E-2</v>
      </c>
      <c r="G172" s="197">
        <v>0.38600000000000001</v>
      </c>
      <c r="H172" s="97">
        <v>0.10464423855736074</v>
      </c>
      <c r="I172" s="197">
        <v>0.02</v>
      </c>
      <c r="J172" s="97">
        <v>4.3044573346706839E-2</v>
      </c>
      <c r="K172" s="195">
        <v>81</v>
      </c>
      <c r="L172" s="197">
        <v>0.371</v>
      </c>
      <c r="M172" s="97">
        <v>0.10513595897373208</v>
      </c>
      <c r="N172" s="197">
        <v>0.16</v>
      </c>
      <c r="O172" s="97">
        <v>8.2611493289550281E-2</v>
      </c>
      <c r="P172" s="197">
        <v>0.433</v>
      </c>
      <c r="Q172" s="276">
        <v>0.10757728889546392</v>
      </c>
      <c r="R172" s="197">
        <v>3.5999999999999997E-2</v>
      </c>
      <c r="S172" s="97">
        <v>5.0638452198245469E-2</v>
      </c>
    </row>
    <row r="173" spans="1:19">
      <c r="A173" s="57" t="s">
        <v>453</v>
      </c>
      <c r="B173" s="194">
        <v>100</v>
      </c>
      <c r="C173" s="196">
        <v>0.214</v>
      </c>
      <c r="D173" s="94">
        <v>8.1894632114875326E-2</v>
      </c>
      <c r="E173" s="196">
        <v>0.14699999999999999</v>
      </c>
      <c r="F173" s="94">
        <v>7.200213000376901E-2</v>
      </c>
      <c r="G173" s="196">
        <v>0.63800000000000001</v>
      </c>
      <c r="H173" s="94">
        <v>9.4541962901155477E-2</v>
      </c>
      <c r="I173" s="196">
        <v>0</v>
      </c>
      <c r="J173" s="94">
        <v>2.693364120714959E-2</v>
      </c>
      <c r="K173" s="194">
        <v>100</v>
      </c>
      <c r="L173" s="196">
        <v>0.312</v>
      </c>
      <c r="M173" s="94">
        <v>9.1425144918397719E-2</v>
      </c>
      <c r="N173" s="196">
        <v>0.17</v>
      </c>
      <c r="O173" s="94">
        <v>7.5782032679350256E-2</v>
      </c>
      <c r="P173" s="196">
        <v>0.51200000000000001</v>
      </c>
      <c r="Q173" s="275">
        <v>9.8031953955629553E-2</v>
      </c>
      <c r="R173" s="196">
        <v>6.0000000000000001E-3</v>
      </c>
      <c r="S173" s="94">
        <v>3.0618621784789728E-2</v>
      </c>
    </row>
    <row r="174" spans="1:19">
      <c r="A174" s="49" t="s">
        <v>454</v>
      </c>
      <c r="B174" s="195">
        <v>135</v>
      </c>
      <c r="C174" s="197">
        <v>0.23899999999999999</v>
      </c>
      <c r="D174" s="97">
        <v>7.311038684713142E-2</v>
      </c>
      <c r="E174" s="197">
        <v>0.19500000000000001</v>
      </c>
      <c r="F174" s="97">
        <v>6.8330959620924461E-2</v>
      </c>
      <c r="G174" s="197">
        <v>0.55000000000000004</v>
      </c>
      <c r="H174" s="97">
        <v>8.441790778102555E-2</v>
      </c>
      <c r="I174" s="197">
        <v>1.6E-2</v>
      </c>
      <c r="J174" s="97">
        <v>2.890439160330046E-2</v>
      </c>
      <c r="K174" s="195">
        <v>133</v>
      </c>
      <c r="L174" s="197">
        <v>0.37</v>
      </c>
      <c r="M174" s="97">
        <v>8.2669415447868322E-2</v>
      </c>
      <c r="N174" s="197">
        <v>0.11700000000000001</v>
      </c>
      <c r="O174" s="97">
        <v>5.7121137285435282E-2</v>
      </c>
      <c r="P174" s="197">
        <v>0.49</v>
      </c>
      <c r="Q174" s="276">
        <v>8.5419660324195748E-2</v>
      </c>
      <c r="R174" s="197">
        <v>2.1999999999999999E-2</v>
      </c>
      <c r="S174" s="97">
        <v>3.1813028477500907E-2</v>
      </c>
    </row>
    <row r="177" spans="1:10" ht="18.75">
      <c r="A177" s="321" t="s">
        <v>433</v>
      </c>
      <c r="B177" s="321"/>
      <c r="C177" s="321"/>
      <c r="D177" s="321"/>
      <c r="E177" s="227"/>
      <c r="F177" s="227"/>
      <c r="G177" s="227"/>
      <c r="H177" s="227"/>
      <c r="I177" s="227"/>
      <c r="J177" s="249"/>
    </row>
    <row r="178" spans="1:10" ht="129" customHeight="1">
      <c r="A178" s="389" t="s">
        <v>503</v>
      </c>
      <c r="B178" s="389"/>
      <c r="C178" s="389"/>
      <c r="D178" s="389"/>
      <c r="E178" s="279"/>
      <c r="F178" s="279"/>
      <c r="G178" s="279"/>
      <c r="H178" s="279"/>
      <c r="I178" s="279"/>
    </row>
    <row r="179" spans="1:10" ht="36" customHeight="1">
      <c r="A179" s="371" t="s">
        <v>166</v>
      </c>
      <c r="B179" s="371"/>
      <c r="C179" s="371"/>
      <c r="D179" s="371"/>
    </row>
    <row r="180" spans="1:10" ht="40.5" customHeight="1">
      <c r="A180" s="37" t="s">
        <v>85</v>
      </c>
      <c r="B180" s="38" t="s">
        <v>86</v>
      </c>
      <c r="C180" s="39" t="s">
        <v>87</v>
      </c>
      <c r="D180" s="40" t="s">
        <v>88</v>
      </c>
    </row>
    <row r="181" spans="1:10" ht="72">
      <c r="A181" s="41"/>
      <c r="B181" s="42" t="s">
        <v>89</v>
      </c>
      <c r="C181" s="128" t="s">
        <v>167</v>
      </c>
      <c r="D181" s="44" t="s">
        <v>91</v>
      </c>
    </row>
    <row r="182" spans="1:10">
      <c r="A182" s="45" t="s">
        <v>436</v>
      </c>
      <c r="B182" s="198">
        <v>10992</v>
      </c>
      <c r="C182" s="84">
        <v>3.79</v>
      </c>
      <c r="D182" s="85">
        <v>1.9599999999999999E-2</v>
      </c>
    </row>
    <row r="183" spans="1:10">
      <c r="A183" s="49" t="s">
        <v>437</v>
      </c>
      <c r="B183" s="49">
        <v>8875</v>
      </c>
      <c r="C183" s="202">
        <v>3.72</v>
      </c>
      <c r="D183" s="203">
        <v>1.9599999999999999E-2</v>
      </c>
    </row>
    <row r="184" spans="1:10">
      <c r="A184" s="45" t="s">
        <v>438</v>
      </c>
      <c r="B184" s="53">
        <v>1959</v>
      </c>
      <c r="C184" s="84">
        <v>4.0999999999999996</v>
      </c>
      <c r="D184" s="85">
        <v>5.8799999999999998E-2</v>
      </c>
    </row>
    <row r="185" spans="1:10">
      <c r="A185" s="49" t="s">
        <v>439</v>
      </c>
      <c r="B185" s="49">
        <v>3920</v>
      </c>
      <c r="C185" s="202">
        <v>3.83</v>
      </c>
      <c r="D185" s="203">
        <v>3.9199999999999999E-2</v>
      </c>
    </row>
    <row r="186" spans="1:10">
      <c r="A186" s="45" t="s">
        <v>440</v>
      </c>
      <c r="B186" s="53">
        <v>3295</v>
      </c>
      <c r="C186" s="84">
        <v>3.69</v>
      </c>
      <c r="D186" s="85">
        <v>3.9199999999999999E-2</v>
      </c>
    </row>
    <row r="187" spans="1:10">
      <c r="A187" s="49" t="s">
        <v>455</v>
      </c>
      <c r="B187" s="49">
        <v>577</v>
      </c>
      <c r="C187" s="202">
        <v>3.79</v>
      </c>
      <c r="D187" s="203">
        <v>0.1176</v>
      </c>
    </row>
    <row r="188" spans="1:10">
      <c r="A188" s="45" t="s">
        <v>441</v>
      </c>
      <c r="B188" s="53">
        <v>117</v>
      </c>
      <c r="C188" s="84">
        <v>4.13</v>
      </c>
      <c r="D188" s="85">
        <v>0.25480000000000003</v>
      </c>
    </row>
    <row r="189" spans="1:10">
      <c r="A189" s="49" t="s">
        <v>442</v>
      </c>
      <c r="B189" s="49">
        <v>174</v>
      </c>
      <c r="C189" s="202">
        <v>3.57</v>
      </c>
      <c r="D189" s="203">
        <v>0.19600000000000001</v>
      </c>
    </row>
    <row r="190" spans="1:10">
      <c r="A190" s="45" t="s">
        <v>443</v>
      </c>
      <c r="B190" s="53">
        <v>134</v>
      </c>
      <c r="C190" s="84">
        <v>3.62</v>
      </c>
      <c r="D190" s="85">
        <v>0.1764</v>
      </c>
    </row>
    <row r="191" spans="1:10">
      <c r="A191" s="49" t="s">
        <v>444</v>
      </c>
      <c r="B191" s="49">
        <v>152</v>
      </c>
      <c r="C191" s="202">
        <v>3.9</v>
      </c>
      <c r="D191" s="203">
        <v>0.23519999999999999</v>
      </c>
    </row>
    <row r="192" spans="1:10">
      <c r="A192" s="45" t="s">
        <v>456</v>
      </c>
      <c r="B192" s="198">
        <v>529</v>
      </c>
      <c r="C192" s="84">
        <v>3.89</v>
      </c>
      <c r="D192" s="85">
        <v>9.8000000000000004E-2</v>
      </c>
    </row>
    <row r="193" spans="1:46" ht="25.5">
      <c r="A193" s="49" t="s">
        <v>445</v>
      </c>
      <c r="B193" s="201">
        <v>173</v>
      </c>
      <c r="C193" s="202">
        <v>3.55</v>
      </c>
      <c r="D193" s="203">
        <v>0.1764</v>
      </c>
    </row>
    <row r="194" spans="1:46">
      <c r="A194" s="45" t="s">
        <v>446</v>
      </c>
      <c r="B194" s="83">
        <v>122</v>
      </c>
      <c r="C194" s="84">
        <v>3.98</v>
      </c>
      <c r="D194" s="85">
        <v>0.23519999999999999</v>
      </c>
    </row>
    <row r="195" spans="1:46">
      <c r="A195" s="49" t="s">
        <v>447</v>
      </c>
      <c r="B195" s="201">
        <v>98</v>
      </c>
      <c r="C195" s="202">
        <v>3.77</v>
      </c>
      <c r="D195" s="203">
        <v>0.23519999999999999</v>
      </c>
    </row>
    <row r="196" spans="1:46" ht="25.5">
      <c r="A196" s="57" t="s">
        <v>448</v>
      </c>
      <c r="B196" s="198">
        <v>136</v>
      </c>
      <c r="C196" s="84">
        <v>4.5</v>
      </c>
      <c r="D196" s="85">
        <v>0.19600000000000001</v>
      </c>
    </row>
    <row r="197" spans="1:46">
      <c r="A197" s="49" t="s">
        <v>457</v>
      </c>
      <c r="B197" s="201">
        <v>746</v>
      </c>
      <c r="C197" s="202">
        <v>3.65</v>
      </c>
      <c r="D197" s="203">
        <v>9.8000000000000004E-2</v>
      </c>
    </row>
    <row r="198" spans="1:46">
      <c r="A198" s="57" t="s">
        <v>449</v>
      </c>
      <c r="B198" s="198">
        <v>133</v>
      </c>
      <c r="C198" s="84">
        <v>3.86</v>
      </c>
      <c r="D198" s="85">
        <v>0.19600000000000001</v>
      </c>
    </row>
    <row r="199" spans="1:46">
      <c r="A199" s="49" t="s">
        <v>450</v>
      </c>
      <c r="B199" s="201">
        <v>108</v>
      </c>
      <c r="C199" s="202">
        <v>3.31</v>
      </c>
      <c r="D199" s="203">
        <v>0.19600000000000001</v>
      </c>
    </row>
    <row r="200" spans="1:46" ht="25.5">
      <c r="A200" s="57" t="s">
        <v>451</v>
      </c>
      <c r="B200" s="198">
        <v>187</v>
      </c>
      <c r="C200" s="84">
        <v>4.5</v>
      </c>
      <c r="D200" s="85">
        <v>0.1764</v>
      </c>
    </row>
    <row r="201" spans="1:46">
      <c r="A201" s="49" t="s">
        <v>452</v>
      </c>
      <c r="B201" s="201">
        <v>84</v>
      </c>
      <c r="C201" s="202">
        <v>4.32</v>
      </c>
      <c r="D201" s="203">
        <v>0.27440000000000003</v>
      </c>
    </row>
    <row r="202" spans="1:46">
      <c r="A202" s="57" t="s">
        <v>453</v>
      </c>
      <c r="B202" s="198">
        <v>99</v>
      </c>
      <c r="C202" s="84">
        <v>3.56</v>
      </c>
      <c r="D202" s="85">
        <v>0.23519999999999999</v>
      </c>
    </row>
    <row r="203" spans="1:46">
      <c r="A203" s="49" t="s">
        <v>454</v>
      </c>
      <c r="B203" s="201">
        <v>135</v>
      </c>
      <c r="C203" s="202">
        <v>2.76</v>
      </c>
      <c r="D203" s="203">
        <v>0.21559999999999999</v>
      </c>
    </row>
    <row r="206" spans="1:46" ht="18.75">
      <c r="A206" s="321" t="s">
        <v>52</v>
      </c>
      <c r="B206" s="321"/>
      <c r="C206" s="321"/>
      <c r="D206" s="321"/>
      <c r="E206" s="321"/>
      <c r="F206" s="321"/>
      <c r="G206" s="321"/>
      <c r="H206" s="321"/>
      <c r="I206" s="321"/>
      <c r="J206" s="321"/>
      <c r="K206" s="321"/>
      <c r="L206" s="321"/>
      <c r="M206" s="321"/>
      <c r="N206" s="321"/>
      <c r="O206" s="321"/>
      <c r="P206" s="321"/>
      <c r="Q206" s="321"/>
      <c r="R206" s="321"/>
      <c r="S206" s="321"/>
      <c r="T206" s="321"/>
      <c r="U206" s="321"/>
      <c r="V206" s="321"/>
      <c r="W206" s="321"/>
      <c r="X206" s="321"/>
      <c r="Y206" s="321"/>
      <c r="Z206" s="321"/>
      <c r="AA206" s="321"/>
      <c r="AB206" s="321"/>
      <c r="AC206" s="321"/>
      <c r="AD206" s="321"/>
      <c r="AE206" s="321"/>
      <c r="AF206" s="321"/>
      <c r="AG206" s="321"/>
      <c r="AH206" s="321"/>
      <c r="AI206" s="321"/>
      <c r="AJ206" s="321"/>
      <c r="AK206" s="321"/>
      <c r="AL206" s="321"/>
      <c r="AM206" s="321"/>
      <c r="AN206" s="321"/>
      <c r="AO206" s="321"/>
      <c r="AP206" s="321"/>
      <c r="AQ206" s="321"/>
      <c r="AR206" s="321"/>
      <c r="AS206" s="321"/>
      <c r="AT206" s="321"/>
    </row>
    <row r="207" spans="1:46" ht="54" customHeight="1">
      <c r="A207" s="389" t="s">
        <v>504</v>
      </c>
      <c r="B207" s="389"/>
      <c r="C207" s="389"/>
      <c r="D207" s="389"/>
      <c r="E207" s="389"/>
      <c r="F207" s="389"/>
      <c r="G207" s="389"/>
      <c r="H207" s="389"/>
      <c r="I207" s="389"/>
      <c r="J207" s="389"/>
      <c r="K207" s="389"/>
      <c r="L207" s="389"/>
      <c r="M207" s="389"/>
      <c r="N207" s="389"/>
      <c r="O207" s="389"/>
      <c r="P207" s="389"/>
      <c r="Q207" s="389"/>
      <c r="R207" s="389"/>
      <c r="S207" s="389"/>
      <c r="T207" s="389"/>
      <c r="U207" s="389"/>
      <c r="V207" s="389"/>
      <c r="W207" s="389"/>
      <c r="X207" s="389"/>
      <c r="Y207" s="389"/>
      <c r="Z207" s="389"/>
      <c r="AA207" s="389"/>
      <c r="AB207" s="389"/>
      <c r="AC207" s="389"/>
      <c r="AD207" s="389"/>
      <c r="AE207" s="389"/>
      <c r="AF207" s="389"/>
      <c r="AG207" s="389"/>
      <c r="AH207" s="389"/>
      <c r="AI207" s="389"/>
      <c r="AJ207" s="389"/>
      <c r="AK207" s="389"/>
      <c r="AL207" s="389"/>
      <c r="AM207" s="389"/>
      <c r="AN207" s="389"/>
      <c r="AO207" s="389"/>
      <c r="AP207" s="389"/>
      <c r="AQ207" s="389"/>
      <c r="AR207" s="389"/>
      <c r="AS207" s="389"/>
      <c r="AT207" s="389"/>
    </row>
    <row r="208" spans="1:46" ht="32.25" customHeight="1">
      <c r="A208" s="64"/>
      <c r="B208" s="364" t="s">
        <v>346</v>
      </c>
      <c r="C208" s="365"/>
      <c r="D208" s="365"/>
      <c r="E208" s="365"/>
      <c r="F208" s="365"/>
      <c r="G208" s="365"/>
      <c r="H208" s="365"/>
      <c r="I208" s="365"/>
      <c r="J208" s="366"/>
      <c r="K208" s="364" t="s">
        <v>347</v>
      </c>
      <c r="L208" s="365"/>
      <c r="M208" s="365"/>
      <c r="N208" s="365"/>
      <c r="O208" s="365"/>
      <c r="P208" s="365"/>
      <c r="Q208" s="365"/>
      <c r="R208" s="365"/>
      <c r="S208" s="366"/>
      <c r="T208" s="364" t="s">
        <v>348</v>
      </c>
      <c r="U208" s="365"/>
      <c r="V208" s="365"/>
      <c r="W208" s="365"/>
      <c r="X208" s="365"/>
      <c r="Y208" s="365"/>
      <c r="Z208" s="365"/>
      <c r="AA208" s="365"/>
      <c r="AB208" s="366"/>
      <c r="AC208" s="364" t="s">
        <v>349</v>
      </c>
      <c r="AD208" s="365"/>
      <c r="AE208" s="365"/>
      <c r="AF208" s="365"/>
      <c r="AG208" s="365"/>
      <c r="AH208" s="365"/>
      <c r="AI208" s="365"/>
      <c r="AJ208" s="365"/>
      <c r="AK208" s="366"/>
      <c r="AL208" s="364" t="s">
        <v>350</v>
      </c>
      <c r="AM208" s="365"/>
      <c r="AN208" s="365"/>
      <c r="AO208" s="365"/>
      <c r="AP208" s="365"/>
      <c r="AQ208" s="365"/>
      <c r="AR208" s="365"/>
      <c r="AS208" s="365"/>
      <c r="AT208" s="366"/>
    </row>
    <row r="209" spans="1:46" ht="60.75" customHeight="1">
      <c r="A209" s="37" t="s">
        <v>85</v>
      </c>
      <c r="B209" s="38" t="s">
        <v>86</v>
      </c>
      <c r="C209" s="38" t="s">
        <v>257</v>
      </c>
      <c r="D209" s="89" t="s">
        <v>351</v>
      </c>
      <c r="E209" s="38" t="s">
        <v>352</v>
      </c>
      <c r="F209" s="89" t="s">
        <v>319</v>
      </c>
      <c r="G209" s="38" t="s">
        <v>353</v>
      </c>
      <c r="H209" s="89" t="s">
        <v>320</v>
      </c>
      <c r="I209" s="38" t="s">
        <v>357</v>
      </c>
      <c r="J209" s="89" t="s">
        <v>371</v>
      </c>
      <c r="K209" s="65" t="s">
        <v>86</v>
      </c>
      <c r="L209" s="65" t="s">
        <v>427</v>
      </c>
      <c r="M209" s="88" t="s">
        <v>428</v>
      </c>
      <c r="N209" s="65" t="s">
        <v>423</v>
      </c>
      <c r="O209" s="88" t="s">
        <v>425</v>
      </c>
      <c r="P209" s="65" t="s">
        <v>429</v>
      </c>
      <c r="Q209" s="88" t="s">
        <v>430</v>
      </c>
      <c r="R209" s="277" t="s">
        <v>357</v>
      </c>
      <c r="S209" s="88" t="s">
        <v>371</v>
      </c>
      <c r="T209" s="38" t="s">
        <v>86</v>
      </c>
      <c r="U209" s="38" t="s">
        <v>427</v>
      </c>
      <c r="V209" s="89" t="s">
        <v>428</v>
      </c>
      <c r="W209" s="38" t="s">
        <v>423</v>
      </c>
      <c r="X209" s="89" t="s">
        <v>425</v>
      </c>
      <c r="Y209" s="38" t="s">
        <v>429</v>
      </c>
      <c r="Z209" s="89" t="s">
        <v>430</v>
      </c>
      <c r="AA209" s="38" t="s">
        <v>357</v>
      </c>
      <c r="AB209" s="89" t="s">
        <v>371</v>
      </c>
      <c r="AC209" s="65" t="s">
        <v>86</v>
      </c>
      <c r="AD209" s="65" t="s">
        <v>427</v>
      </c>
      <c r="AE209" s="88" t="s">
        <v>428</v>
      </c>
      <c r="AF209" s="65" t="s">
        <v>423</v>
      </c>
      <c r="AG209" s="88" t="s">
        <v>425</v>
      </c>
      <c r="AH209" s="65" t="s">
        <v>429</v>
      </c>
      <c r="AI209" s="88" t="s">
        <v>430</v>
      </c>
      <c r="AJ209" s="65" t="s">
        <v>357</v>
      </c>
      <c r="AK209" s="88" t="s">
        <v>371</v>
      </c>
      <c r="AL209" s="38" t="s">
        <v>86</v>
      </c>
      <c r="AM209" s="38" t="s">
        <v>427</v>
      </c>
      <c r="AN209" s="89" t="s">
        <v>428</v>
      </c>
      <c r="AO209" s="38" t="s">
        <v>423</v>
      </c>
      <c r="AP209" s="89" t="s">
        <v>425</v>
      </c>
      <c r="AQ209" s="38" t="s">
        <v>429</v>
      </c>
      <c r="AR209" s="89" t="s">
        <v>430</v>
      </c>
      <c r="AS209" s="38" t="s">
        <v>357</v>
      </c>
      <c r="AT209" s="89" t="s">
        <v>371</v>
      </c>
    </row>
    <row r="210" spans="1:46" ht="72">
      <c r="A210" s="41"/>
      <c r="B210" s="42" t="s">
        <v>89</v>
      </c>
      <c r="C210" s="42" t="s">
        <v>181</v>
      </c>
      <c r="D210" s="91" t="s">
        <v>104</v>
      </c>
      <c r="E210" s="42" t="s">
        <v>182</v>
      </c>
      <c r="F210" s="91" t="s">
        <v>104</v>
      </c>
      <c r="G210" s="42" t="s">
        <v>183</v>
      </c>
      <c r="H210" s="91" t="s">
        <v>104</v>
      </c>
      <c r="I210" s="42" t="s">
        <v>357</v>
      </c>
      <c r="J210" s="91" t="s">
        <v>104</v>
      </c>
      <c r="K210" s="68" t="s">
        <v>89</v>
      </c>
      <c r="L210" s="68" t="s">
        <v>422</v>
      </c>
      <c r="M210" s="90" t="s">
        <v>104</v>
      </c>
      <c r="N210" s="68" t="s">
        <v>424</v>
      </c>
      <c r="O210" s="90" t="s">
        <v>104</v>
      </c>
      <c r="P210" s="68" t="s">
        <v>181</v>
      </c>
      <c r="Q210" s="90" t="s">
        <v>104</v>
      </c>
      <c r="R210" s="278" t="s">
        <v>357</v>
      </c>
      <c r="S210" s="90" t="s">
        <v>104</v>
      </c>
      <c r="T210" s="42" t="s">
        <v>89</v>
      </c>
      <c r="U210" s="42" t="s">
        <v>422</v>
      </c>
      <c r="V210" s="91" t="s">
        <v>104</v>
      </c>
      <c r="W210" s="42" t="s">
        <v>424</v>
      </c>
      <c r="X210" s="91" t="s">
        <v>104</v>
      </c>
      <c r="Y210" s="42" t="s">
        <v>181</v>
      </c>
      <c r="Z210" s="91" t="s">
        <v>104</v>
      </c>
      <c r="AA210" s="42" t="s">
        <v>357</v>
      </c>
      <c r="AB210" s="91" t="s">
        <v>104</v>
      </c>
      <c r="AC210" s="68" t="s">
        <v>89</v>
      </c>
      <c r="AD210" s="68" t="s">
        <v>422</v>
      </c>
      <c r="AE210" s="90" t="s">
        <v>104</v>
      </c>
      <c r="AF210" s="68" t="s">
        <v>424</v>
      </c>
      <c r="AG210" s="90" t="s">
        <v>104</v>
      </c>
      <c r="AH210" s="68" t="s">
        <v>181</v>
      </c>
      <c r="AI210" s="90" t="s">
        <v>104</v>
      </c>
      <c r="AJ210" s="68" t="s">
        <v>357</v>
      </c>
      <c r="AK210" s="90" t="s">
        <v>104</v>
      </c>
      <c r="AL210" s="42" t="s">
        <v>89</v>
      </c>
      <c r="AM210" s="42" t="s">
        <v>422</v>
      </c>
      <c r="AN210" s="91" t="s">
        <v>104</v>
      </c>
      <c r="AO210" s="42" t="s">
        <v>424</v>
      </c>
      <c r="AP210" s="91" t="s">
        <v>104</v>
      </c>
      <c r="AQ210" s="42" t="s">
        <v>181</v>
      </c>
      <c r="AR210" s="91" t="s">
        <v>104</v>
      </c>
      <c r="AS210" s="42" t="s">
        <v>357</v>
      </c>
      <c r="AT210" s="91" t="s">
        <v>104</v>
      </c>
    </row>
    <row r="211" spans="1:46">
      <c r="A211" s="45" t="s">
        <v>436</v>
      </c>
      <c r="B211" s="198">
        <v>10961</v>
      </c>
      <c r="C211" s="204">
        <v>0.14099999999999999</v>
      </c>
      <c r="D211" s="94">
        <v>6.6496731982213864E-3</v>
      </c>
      <c r="E211" s="204">
        <v>0.16800000000000001</v>
      </c>
      <c r="F211" s="94">
        <v>7.1427731357552237E-3</v>
      </c>
      <c r="G211" s="204">
        <v>0.68</v>
      </c>
      <c r="H211" s="94">
        <v>8.9100205820281352E-3</v>
      </c>
      <c r="I211" s="204">
        <v>1.2E-2</v>
      </c>
      <c r="J211" s="94">
        <v>2.0948521605220535E-3</v>
      </c>
      <c r="K211" s="198">
        <v>10984</v>
      </c>
      <c r="L211" s="204">
        <v>0.24762340161244129</v>
      </c>
      <c r="M211" s="94">
        <v>8.2364143383151945E-3</v>
      </c>
      <c r="N211" s="204">
        <v>0.42597845827984321</v>
      </c>
      <c r="O211" s="94">
        <v>9.4347875729083579E-3</v>
      </c>
      <c r="P211" s="204">
        <v>0.25040651474367437</v>
      </c>
      <c r="Q211" s="94">
        <v>8.2672075167569154E-3</v>
      </c>
      <c r="R211" s="204">
        <v>7.5991625364043358E-2</v>
      </c>
      <c r="S211" s="94">
        <v>5.0605280136049573E-3</v>
      </c>
      <c r="T211" s="198">
        <v>11013</v>
      </c>
      <c r="U211" s="204">
        <v>0.38190920252164035</v>
      </c>
      <c r="V211" s="94">
        <v>9.2579287671147731E-3</v>
      </c>
      <c r="W211" s="204">
        <v>0.31175161858371059</v>
      </c>
      <c r="X211" s="94">
        <v>8.8267599421445828E-3</v>
      </c>
      <c r="Y211" s="204">
        <v>0.13993233793948978</v>
      </c>
      <c r="Z211" s="94">
        <v>6.6129226233515963E-3</v>
      </c>
      <c r="AA211" s="204">
        <v>0.16640684095515595</v>
      </c>
      <c r="AB211" s="94">
        <v>7.098840526480737E-3</v>
      </c>
      <c r="AC211" s="198">
        <v>11013</v>
      </c>
      <c r="AD211" s="204">
        <v>0.35199999999999998</v>
      </c>
      <c r="AE211" s="94">
        <v>9.1006475318986639E-3</v>
      </c>
      <c r="AF211" s="204">
        <v>0.34399999999999997</v>
      </c>
      <c r="AG211" s="94">
        <v>9.0520399674367223E-3</v>
      </c>
      <c r="AH211" s="204">
        <v>0.14300000000000002</v>
      </c>
      <c r="AI211" s="94">
        <v>6.6729925909146245E-3</v>
      </c>
      <c r="AJ211" s="204">
        <v>0.16200000000000001</v>
      </c>
      <c r="AK211" s="94">
        <v>7.0228027118382158E-3</v>
      </c>
      <c r="AL211" s="198">
        <v>11001</v>
      </c>
      <c r="AM211" s="204">
        <v>0.224</v>
      </c>
      <c r="AN211" s="94">
        <v>7.9498511210027521E-3</v>
      </c>
      <c r="AO211" s="204">
        <v>0.33399999999999996</v>
      </c>
      <c r="AP211" s="94">
        <v>8.9921774875635265E-3</v>
      </c>
      <c r="AQ211" s="204">
        <v>0.17199999999999999</v>
      </c>
      <c r="AR211" s="94">
        <v>7.1967025905684389E-3</v>
      </c>
      <c r="AS211" s="204">
        <v>0.27</v>
      </c>
      <c r="AT211" s="94">
        <v>8.4648767501296386E-3</v>
      </c>
    </row>
    <row r="212" spans="1:46">
      <c r="A212" s="49" t="s">
        <v>437</v>
      </c>
      <c r="B212" s="201">
        <v>8815</v>
      </c>
      <c r="C212" s="205">
        <v>0.13900000000000001</v>
      </c>
      <c r="D212" s="97">
        <v>7.3712924673769668E-3</v>
      </c>
      <c r="E212" s="205">
        <v>0.16500000000000001</v>
      </c>
      <c r="F212" s="97">
        <v>7.9079859718514459E-3</v>
      </c>
      <c r="G212" s="205">
        <v>0.69</v>
      </c>
      <c r="H212" s="97">
        <v>9.8505153292116013E-3</v>
      </c>
      <c r="I212" s="205">
        <v>7.0000000000000001E-3</v>
      </c>
      <c r="J212" s="97">
        <v>1.8035290152243254E-3</v>
      </c>
      <c r="K212" s="201">
        <v>8837</v>
      </c>
      <c r="L212" s="205">
        <v>0.24399999999999999</v>
      </c>
      <c r="M212" s="97">
        <v>9.1370266845013145E-3</v>
      </c>
      <c r="N212" s="205">
        <v>0.432</v>
      </c>
      <c r="O212" s="97">
        <v>1.0536564827741743E-2</v>
      </c>
      <c r="P212" s="205">
        <v>0.253</v>
      </c>
      <c r="Q212" s="97">
        <v>9.2483289461389086E-3</v>
      </c>
      <c r="R212" s="205">
        <v>7.0999999999999994E-2</v>
      </c>
      <c r="S212" s="97">
        <v>5.4697033519390129E-3</v>
      </c>
      <c r="T212" s="201">
        <v>8865</v>
      </c>
      <c r="U212" s="205">
        <v>0.443</v>
      </c>
      <c r="V212" s="97">
        <v>1.0549325855996531E-2</v>
      </c>
      <c r="W212" s="205">
        <v>0.27800000000000002</v>
      </c>
      <c r="X212" s="97">
        <v>9.5155028372994714E-3</v>
      </c>
      <c r="Y212" s="205">
        <v>0.106</v>
      </c>
      <c r="Z212" s="97">
        <v>6.5423671637353902E-3</v>
      </c>
      <c r="AA212" s="205">
        <v>0.17399999999999999</v>
      </c>
      <c r="AB212" s="97">
        <v>8.0538228135833712E-3</v>
      </c>
      <c r="AC212" s="201">
        <v>8867</v>
      </c>
      <c r="AD212" s="205">
        <v>0.39200000000000002</v>
      </c>
      <c r="AE212" s="97">
        <v>1.0366880930254967E-2</v>
      </c>
      <c r="AF212" s="205">
        <v>0.33699999999999997</v>
      </c>
      <c r="AG212" s="97">
        <v>1.0037803753330382E-2</v>
      </c>
      <c r="AH212" s="205">
        <v>0.11199999999999999</v>
      </c>
      <c r="AI212" s="97">
        <v>6.7012427308636973E-3</v>
      </c>
      <c r="AJ212" s="205">
        <v>0.16</v>
      </c>
      <c r="AK212" s="97">
        <v>7.7877440804348273E-3</v>
      </c>
      <c r="AL212" s="201">
        <v>8853</v>
      </c>
      <c r="AM212" s="205">
        <v>0.245</v>
      </c>
      <c r="AN212" s="97">
        <v>9.1413873826699747E-3</v>
      </c>
      <c r="AO212" s="205">
        <v>0.31699999999999995</v>
      </c>
      <c r="AP212" s="97">
        <v>9.8891049241212961E-3</v>
      </c>
      <c r="AQ212" s="205">
        <v>0.14500000000000002</v>
      </c>
      <c r="AR212" s="97">
        <v>7.4860543309023002E-3</v>
      </c>
      <c r="AS212" s="205">
        <v>0.29299999999999998</v>
      </c>
      <c r="AT212" s="97">
        <v>9.6732129372762449E-3</v>
      </c>
    </row>
    <row r="213" spans="1:46">
      <c r="A213" s="45" t="s">
        <v>438</v>
      </c>
      <c r="B213" s="198">
        <v>1979</v>
      </c>
      <c r="C213" s="204">
        <v>0.113</v>
      </c>
      <c r="D213" s="94">
        <v>1.4261770176601274E-2</v>
      </c>
      <c r="E213" s="204">
        <v>0.17199999999999999</v>
      </c>
      <c r="F213" s="94">
        <v>1.6974935541793384E-2</v>
      </c>
      <c r="G213" s="204">
        <v>0.69699999999999995</v>
      </c>
      <c r="H213" s="94">
        <v>2.0647482298883774E-2</v>
      </c>
      <c r="I213" s="204">
        <v>1.7999999999999999E-2</v>
      </c>
      <c r="J213" s="94">
        <v>6.1272960434247447E-3</v>
      </c>
      <c r="K213" s="198">
        <v>1984</v>
      </c>
      <c r="L213" s="204">
        <v>0.20799999999999999</v>
      </c>
      <c r="M213" s="94">
        <v>1.8224994969946607E-2</v>
      </c>
      <c r="N213" s="204">
        <v>0.434</v>
      </c>
      <c r="O213" s="94">
        <v>2.2232605686554458E-2</v>
      </c>
      <c r="P213" s="204">
        <v>0.27</v>
      </c>
      <c r="Q213" s="94">
        <v>1.9925043799832422E-2</v>
      </c>
      <c r="R213" s="204">
        <v>8.6999999999999994E-2</v>
      </c>
      <c r="S213" s="94">
        <v>1.269648027309781E-2</v>
      </c>
      <c r="T213" s="198">
        <v>1986</v>
      </c>
      <c r="U213" s="204">
        <v>0.219</v>
      </c>
      <c r="V213" s="94">
        <v>1.855894383417829E-2</v>
      </c>
      <c r="W213" s="204">
        <v>0.36599999999999999</v>
      </c>
      <c r="X213" s="94">
        <v>2.160011689792303E-2</v>
      </c>
      <c r="Y213" s="204">
        <v>0.23100000000000001</v>
      </c>
      <c r="Z213" s="94">
        <v>1.8911569197501733E-2</v>
      </c>
      <c r="AA213" s="204">
        <v>0.184</v>
      </c>
      <c r="AB213" s="94">
        <v>1.7395489954830399E-2</v>
      </c>
      <c r="AC213" s="198">
        <v>1983</v>
      </c>
      <c r="AD213" s="204">
        <v>0.23200000000000001</v>
      </c>
      <c r="AE213" s="94">
        <v>1.8954286892245192E-2</v>
      </c>
      <c r="AF213" s="204">
        <v>0.35199999999999998</v>
      </c>
      <c r="AG213" s="94">
        <v>2.1432545391067773E-2</v>
      </c>
      <c r="AH213" s="204">
        <v>0.23599999999999999</v>
      </c>
      <c r="AI213" s="94">
        <v>1.9066504830662426E-2</v>
      </c>
      <c r="AJ213" s="204">
        <v>0.18</v>
      </c>
      <c r="AK213" s="94">
        <v>1.7261531587788474E-2</v>
      </c>
      <c r="AL213" s="198">
        <v>1983</v>
      </c>
      <c r="AM213" s="204">
        <v>0.152</v>
      </c>
      <c r="AN213" s="94">
        <v>1.6138747587320298E-2</v>
      </c>
      <c r="AO213" s="204">
        <v>0.35199999999999998</v>
      </c>
      <c r="AP213" s="94">
        <v>2.1432545391067773E-2</v>
      </c>
      <c r="AQ213" s="204">
        <v>0.245</v>
      </c>
      <c r="AR213" s="94">
        <v>1.9310538736243974E-2</v>
      </c>
      <c r="AS213" s="204">
        <v>0.251</v>
      </c>
      <c r="AT213" s="94">
        <v>1.9466894733485177E-2</v>
      </c>
    </row>
    <row r="214" spans="1:46">
      <c r="A214" s="49" t="s">
        <v>439</v>
      </c>
      <c r="B214" s="201">
        <v>3902</v>
      </c>
      <c r="C214" s="205">
        <v>0.114</v>
      </c>
      <c r="D214" s="97">
        <v>1.0185630224335468E-2</v>
      </c>
      <c r="E214" s="205">
        <v>0.16300000000000001</v>
      </c>
      <c r="F214" s="97">
        <v>1.1830146478021542E-2</v>
      </c>
      <c r="G214" s="205">
        <v>0.70399999999999996</v>
      </c>
      <c r="H214" s="97">
        <v>1.4611164056446699E-2</v>
      </c>
      <c r="I214" s="205">
        <v>0.02</v>
      </c>
      <c r="J214" s="97">
        <v>4.5337272551907353E-3</v>
      </c>
      <c r="K214" s="201">
        <v>3918</v>
      </c>
      <c r="L214" s="205">
        <v>0.24018048593276323</v>
      </c>
      <c r="M214" s="97">
        <v>1.364784185520109E-2</v>
      </c>
      <c r="N214" s="205">
        <v>0.42880146773868355</v>
      </c>
      <c r="O214" s="97">
        <v>1.580545622663786E-2</v>
      </c>
      <c r="P214" s="205">
        <v>0.23376427063832989</v>
      </c>
      <c r="Q214" s="97">
        <v>1.3521397663035202E-2</v>
      </c>
      <c r="R214" s="205">
        <v>9.7253775690223046E-2</v>
      </c>
      <c r="S214" s="97">
        <v>9.4804434317022884E-3</v>
      </c>
      <c r="T214" s="201">
        <v>3924</v>
      </c>
      <c r="U214" s="205">
        <v>0.39452858649971034</v>
      </c>
      <c r="V214" s="97">
        <v>1.5597352954736523E-2</v>
      </c>
      <c r="W214" s="205">
        <v>0.2782479549586821</v>
      </c>
      <c r="X214" s="97">
        <v>1.4304163515112295E-2</v>
      </c>
      <c r="Y214" s="205">
        <v>0.15106329568973975</v>
      </c>
      <c r="Z214" s="97">
        <v>1.143880500935447E-2</v>
      </c>
      <c r="AA214" s="205">
        <v>0.17616016285187275</v>
      </c>
      <c r="AB214" s="97">
        <v>1.216574437756421E-2</v>
      </c>
      <c r="AC214" s="201">
        <v>3927</v>
      </c>
      <c r="AD214" s="205">
        <v>0.34899999999999998</v>
      </c>
      <c r="AE214" s="97">
        <v>1.5206385771633109E-2</v>
      </c>
      <c r="AF214" s="205">
        <v>0.33</v>
      </c>
      <c r="AG214" s="97">
        <v>1.5001357850100828E-2</v>
      </c>
      <c r="AH214" s="205">
        <v>0.13900000000000001</v>
      </c>
      <c r="AI214" s="97">
        <v>1.1047598599126164E-2</v>
      </c>
      <c r="AJ214" s="205">
        <v>0.183</v>
      </c>
      <c r="AK214" s="97">
        <v>1.2342743779861678E-2</v>
      </c>
      <c r="AL214" s="201">
        <v>3907</v>
      </c>
      <c r="AM214" s="205">
        <v>0.215</v>
      </c>
      <c r="AN214" s="97">
        <v>1.3144791366477565E-2</v>
      </c>
      <c r="AO214" s="205">
        <v>0.30099999999999999</v>
      </c>
      <c r="AP214" s="97">
        <v>1.4672072589130383E-2</v>
      </c>
      <c r="AQ214" s="205">
        <v>0.17099999999999999</v>
      </c>
      <c r="AR214" s="97">
        <v>1.2050362870903768E-2</v>
      </c>
      <c r="AS214" s="205">
        <v>0.312</v>
      </c>
      <c r="AT214" s="97">
        <v>1.4819402363147169E-2</v>
      </c>
    </row>
    <row r="215" spans="1:46">
      <c r="A215" s="45" t="s">
        <v>440</v>
      </c>
      <c r="B215" s="198">
        <v>3263</v>
      </c>
      <c r="C215" s="204">
        <v>0.105</v>
      </c>
      <c r="D215" s="94">
        <v>1.0748357362700963E-2</v>
      </c>
      <c r="E215" s="204">
        <v>0.16200000000000001</v>
      </c>
      <c r="F215" s="94">
        <v>1.2905703611106729E-2</v>
      </c>
      <c r="G215" s="204">
        <v>0.72199999999999998</v>
      </c>
      <c r="H215" s="94">
        <v>1.5681112434827674E-2</v>
      </c>
      <c r="I215" s="204">
        <v>1.0999999999999999E-2</v>
      </c>
      <c r="J215" s="94">
        <v>3.746510955718407E-3</v>
      </c>
      <c r="K215" s="198">
        <v>3281</v>
      </c>
      <c r="L215" s="204">
        <v>0.24399999999999999</v>
      </c>
      <c r="M215" s="94">
        <v>1.499359593133736E-2</v>
      </c>
      <c r="N215" s="204">
        <v>0.439</v>
      </c>
      <c r="O215" s="94">
        <v>1.7317451673250418E-2</v>
      </c>
      <c r="P215" s="204">
        <v>0.22500000000000001</v>
      </c>
      <c r="Q215" s="94">
        <v>1.457919362900726E-2</v>
      </c>
      <c r="R215" s="204">
        <v>9.2999999999999999E-2</v>
      </c>
      <c r="S215" s="94">
        <v>1.0158809683268639E-2</v>
      </c>
      <c r="T215" s="198">
        <v>3286</v>
      </c>
      <c r="U215" s="204">
        <v>0.47299999999999998</v>
      </c>
      <c r="V215" s="94">
        <v>1.7408825332953702E-2</v>
      </c>
      <c r="W215" s="204">
        <v>0.26600000000000001</v>
      </c>
      <c r="X215" s="94">
        <v>1.5412349067167834E-2</v>
      </c>
      <c r="Y215" s="204">
        <v>9.2999999999999999E-2</v>
      </c>
      <c r="Z215" s="94">
        <v>1.0151050617849131E-2</v>
      </c>
      <c r="AA215" s="204">
        <v>0.16800000000000001</v>
      </c>
      <c r="AB215" s="94">
        <v>1.3048604902930435E-2</v>
      </c>
      <c r="AC215" s="198">
        <v>3290</v>
      </c>
      <c r="AD215" s="204">
        <v>0.41599999999999998</v>
      </c>
      <c r="AE215" s="94">
        <v>1.7176575957857248E-2</v>
      </c>
      <c r="AF215" s="204">
        <v>0.315</v>
      </c>
      <c r="AG215" s="94">
        <v>1.6190204837334018E-2</v>
      </c>
      <c r="AH215" s="204">
        <v>9.5000000000000001E-2</v>
      </c>
      <c r="AI215" s="94">
        <v>1.0241356850830398E-2</v>
      </c>
      <c r="AJ215" s="204">
        <v>0.17399999999999999</v>
      </c>
      <c r="AK215" s="94">
        <v>1.3222763364408979E-2</v>
      </c>
      <c r="AL215" s="198">
        <v>3270</v>
      </c>
      <c r="AM215" s="204">
        <v>0.248</v>
      </c>
      <c r="AN215" s="94">
        <v>1.5101006971857529E-2</v>
      </c>
      <c r="AO215" s="204">
        <v>0.28500000000000003</v>
      </c>
      <c r="AP215" s="94">
        <v>1.5782884008851025E-2</v>
      </c>
      <c r="AQ215" s="204">
        <v>0.13200000000000001</v>
      </c>
      <c r="AR215" s="94">
        <v>1.1848499236887387E-2</v>
      </c>
      <c r="AS215" s="204">
        <v>0.33500000000000002</v>
      </c>
      <c r="AT215" s="94">
        <v>1.6500179873204571E-2</v>
      </c>
    </row>
    <row r="216" spans="1:46">
      <c r="A216" s="49" t="s">
        <v>455</v>
      </c>
      <c r="B216" s="201">
        <v>576</v>
      </c>
      <c r="C216" s="205">
        <v>8.7999999999999995E-2</v>
      </c>
      <c r="D216" s="97">
        <v>2.3865893008041886E-2</v>
      </c>
      <c r="E216" s="205">
        <v>0.15</v>
      </c>
      <c r="F216" s="97">
        <v>2.9848332567679735E-2</v>
      </c>
      <c r="G216" s="205">
        <v>0.755</v>
      </c>
      <c r="H216" s="97">
        <v>3.5802986179155318E-2</v>
      </c>
      <c r="I216" s="205">
        <v>8.0000000000000002E-3</v>
      </c>
      <c r="J216" s="97">
        <v>8.8135086919290326E-3</v>
      </c>
      <c r="K216" s="201">
        <v>575</v>
      </c>
      <c r="L216" s="205">
        <v>0.23586825484088039</v>
      </c>
      <c r="M216" s="97">
        <v>3.5380491617127065E-2</v>
      </c>
      <c r="N216" s="205">
        <v>0.49108720364064451</v>
      </c>
      <c r="O216" s="97">
        <v>4.1552069493059382E-2</v>
      </c>
      <c r="P216" s="205">
        <v>0.19883750356084595</v>
      </c>
      <c r="Q216" s="97">
        <v>3.3303959551503753E-2</v>
      </c>
      <c r="R216" s="205">
        <v>7.4207037957628591E-2</v>
      </c>
      <c r="S216" s="97">
        <v>2.2177912172997121E-2</v>
      </c>
      <c r="T216" s="201">
        <v>575</v>
      </c>
      <c r="U216" s="205">
        <v>0.47594534783965886</v>
      </c>
      <c r="V216" s="97">
        <v>4.1511123084754145E-2</v>
      </c>
      <c r="W216" s="205">
        <v>0.21116195467446652</v>
      </c>
      <c r="X216" s="97">
        <v>3.4039630693665987E-2</v>
      </c>
      <c r="Y216" s="205">
        <v>0.13101376593232514</v>
      </c>
      <c r="Z216" s="97">
        <v>2.8274969502029582E-2</v>
      </c>
      <c r="AA216" s="205">
        <v>0.18187893155354842</v>
      </c>
      <c r="AB216" s="97">
        <v>3.2211782212523937E-2</v>
      </c>
      <c r="AC216" s="201">
        <v>579</v>
      </c>
      <c r="AD216" s="205">
        <v>0.377</v>
      </c>
      <c r="AE216" s="97">
        <v>4.0160731088934844E-2</v>
      </c>
      <c r="AF216" s="205">
        <v>0.31</v>
      </c>
      <c r="AG216" s="97">
        <v>3.8353208108827135E-2</v>
      </c>
      <c r="AH216" s="205">
        <v>0.11399999999999999</v>
      </c>
      <c r="AI216" s="97">
        <v>2.6588991410053997E-2</v>
      </c>
      <c r="AJ216" s="205">
        <v>0.19900000000000001</v>
      </c>
      <c r="AK216" s="97">
        <v>3.3198604349046271E-2</v>
      </c>
      <c r="AL216" s="201">
        <v>575</v>
      </c>
      <c r="AM216" s="205">
        <v>0.22700000000000001</v>
      </c>
      <c r="AN216" s="97">
        <v>3.4918825642753733E-2</v>
      </c>
      <c r="AO216" s="205">
        <v>0.26900000000000002</v>
      </c>
      <c r="AP216" s="97">
        <v>3.6926266280579344E-2</v>
      </c>
      <c r="AQ216" s="205">
        <v>0.16</v>
      </c>
      <c r="AR216" s="97">
        <v>3.0651162190469539E-2</v>
      </c>
      <c r="AS216" s="205">
        <v>0.34399999999999997</v>
      </c>
      <c r="AT216" s="97">
        <v>3.951336864991864E-2</v>
      </c>
    </row>
    <row r="217" spans="1:46">
      <c r="A217" s="45" t="s">
        <v>441</v>
      </c>
      <c r="B217" s="198">
        <v>117</v>
      </c>
      <c r="C217" s="204">
        <v>0.13400000000000001</v>
      </c>
      <c r="D217" s="94">
        <v>6.4219202360015895E-2</v>
      </c>
      <c r="E217" s="204">
        <v>7.6999999999999999E-2</v>
      </c>
      <c r="F217" s="94">
        <v>5.2288291458580292E-2</v>
      </c>
      <c r="G217" s="204">
        <v>0.78800000000000003</v>
      </c>
      <c r="H217" s="94">
        <v>7.550365495779722E-2</v>
      </c>
      <c r="I217" s="204">
        <v>0</v>
      </c>
      <c r="J217" s="94">
        <v>2.3181440451602572E-2</v>
      </c>
      <c r="K217" s="198">
        <v>117</v>
      </c>
      <c r="L217" s="204">
        <v>0.20857427880320892</v>
      </c>
      <c r="M217" s="94">
        <v>7.5096274097019605E-2</v>
      </c>
      <c r="N217" s="204">
        <v>0.42792622582161055</v>
      </c>
      <c r="O217" s="94">
        <v>9.002169450442668E-2</v>
      </c>
      <c r="P217" s="204">
        <v>0.29215904577639173</v>
      </c>
      <c r="Q217" s="94">
        <v>8.3242349997605505E-2</v>
      </c>
      <c r="R217" s="204">
        <v>7.1340449598789657E-2</v>
      </c>
      <c r="S217" s="94">
        <v>5.0843750231223714E-2</v>
      </c>
      <c r="T217" s="198">
        <v>117</v>
      </c>
      <c r="U217" s="204">
        <v>0.28290011114291319</v>
      </c>
      <c r="V217" s="94">
        <v>8.2508666252503665E-2</v>
      </c>
      <c r="W217" s="204">
        <v>0.18039465737749227</v>
      </c>
      <c r="X217" s="94">
        <v>7.1465036143596672E-2</v>
      </c>
      <c r="Y217" s="204">
        <v>0.20032103614786811</v>
      </c>
      <c r="Z217" s="94">
        <v>7.4085512306400064E-2</v>
      </c>
      <c r="AA217" s="204">
        <v>0.33638419533172709</v>
      </c>
      <c r="AB217" s="94">
        <v>8.6238289810151622E-2</v>
      </c>
      <c r="AC217" s="198">
        <v>117</v>
      </c>
      <c r="AD217" s="204">
        <v>0.24399999999999999</v>
      </c>
      <c r="AE217" s="94">
        <v>7.8986417814749882E-2</v>
      </c>
      <c r="AF217" s="204">
        <v>0.34199999999999997</v>
      </c>
      <c r="AG217" s="94">
        <v>8.6561349037022547E-2</v>
      </c>
      <c r="AH217" s="204">
        <v>0.115</v>
      </c>
      <c r="AI217" s="94">
        <v>6.0688342592099626E-2</v>
      </c>
      <c r="AJ217" s="204">
        <v>0.29899999999999999</v>
      </c>
      <c r="AK217" s="94">
        <v>8.3759985597039385E-2</v>
      </c>
      <c r="AL217" s="198">
        <v>116</v>
      </c>
      <c r="AM217" s="204">
        <v>0.20200000000000001</v>
      </c>
      <c r="AN217" s="94">
        <v>7.4614028072375146E-2</v>
      </c>
      <c r="AO217" s="204">
        <v>0.14499999999999999</v>
      </c>
      <c r="AP217" s="94">
        <v>6.6391926941179846E-2</v>
      </c>
      <c r="AQ217" s="204">
        <v>0.186</v>
      </c>
      <c r="AR217" s="94">
        <v>7.2541371082427974E-2</v>
      </c>
      <c r="AS217" s="204">
        <v>0.46700000000000003</v>
      </c>
      <c r="AT217" s="94">
        <v>9.1101114153450402E-2</v>
      </c>
    </row>
    <row r="218" spans="1:46">
      <c r="A218" s="49" t="s">
        <v>442</v>
      </c>
      <c r="B218" s="201">
        <v>173</v>
      </c>
      <c r="C218" s="205">
        <v>7.5999999999999998E-2</v>
      </c>
      <c r="D218" s="97">
        <v>4.2053948595880387E-2</v>
      </c>
      <c r="E218" s="205">
        <v>0.17599999999999999</v>
      </c>
      <c r="F218" s="97">
        <v>5.8166926317202106E-2</v>
      </c>
      <c r="G218" s="205">
        <v>0.747</v>
      </c>
      <c r="H218" s="97">
        <v>6.5822447544921711E-2</v>
      </c>
      <c r="I218" s="205">
        <v>0</v>
      </c>
      <c r="J218" s="97">
        <v>1.5889276344158629E-2</v>
      </c>
      <c r="K218" s="201">
        <v>175</v>
      </c>
      <c r="L218" s="205">
        <v>0.21320121467359943</v>
      </c>
      <c r="M218" s="97">
        <v>6.1885011154767099E-2</v>
      </c>
      <c r="N218" s="205">
        <v>0.56127296343841104</v>
      </c>
      <c r="O218" s="97">
        <v>7.4205142574803012E-2</v>
      </c>
      <c r="P218" s="205">
        <v>0.16883645131157898</v>
      </c>
      <c r="Q218" s="97">
        <v>5.6957763551536381E-2</v>
      </c>
      <c r="R218" s="205">
        <v>5.668937057641197E-2</v>
      </c>
      <c r="S218" s="97">
        <v>3.7270192379932565E-2</v>
      </c>
      <c r="T218" s="201">
        <v>173</v>
      </c>
      <c r="U218" s="205">
        <v>0.56308431596157638</v>
      </c>
      <c r="V218" s="97">
        <v>7.459089279177121E-2</v>
      </c>
      <c r="W218" s="205">
        <v>0.24553826761847455</v>
      </c>
      <c r="X218" s="97">
        <v>6.5205931340330869E-2</v>
      </c>
      <c r="Y218" s="205">
        <v>8.6123288721823815E-2</v>
      </c>
      <c r="Z218" s="97">
        <v>4.4177527111294655E-2</v>
      </c>
      <c r="AA218" s="205">
        <v>0.10525412769812657</v>
      </c>
      <c r="AB218" s="97">
        <v>4.7808237906652166E-2</v>
      </c>
      <c r="AC218" s="201">
        <v>175</v>
      </c>
      <c r="AD218" s="205">
        <v>0.51100000000000001</v>
      </c>
      <c r="AE218" s="97">
        <v>7.4726218712699646E-2</v>
      </c>
      <c r="AF218" s="205">
        <v>0.26300000000000001</v>
      </c>
      <c r="AG218" s="97">
        <v>6.6233596734931274E-2</v>
      </c>
      <c r="AH218" s="205">
        <v>7.400000000000001E-2</v>
      </c>
      <c r="AI218" s="97">
        <v>4.1357965146440419E-2</v>
      </c>
      <c r="AJ218" s="205">
        <v>0.151</v>
      </c>
      <c r="AK218" s="97">
        <v>5.4635776753580272E-2</v>
      </c>
      <c r="AL218" s="201">
        <v>173</v>
      </c>
      <c r="AM218" s="205">
        <v>0.34200000000000003</v>
      </c>
      <c r="AN218" s="97">
        <v>7.1489648738521636E-2</v>
      </c>
      <c r="AO218" s="205">
        <v>0.27899999999999997</v>
      </c>
      <c r="AP218" s="97">
        <v>6.7788564489025843E-2</v>
      </c>
      <c r="AQ218" s="205">
        <v>0.13300000000000001</v>
      </c>
      <c r="AR218" s="97">
        <v>5.2363322555020297E-2</v>
      </c>
      <c r="AS218" s="205">
        <v>0.247</v>
      </c>
      <c r="AT218" s="97">
        <v>6.5328612566526847E-2</v>
      </c>
    </row>
    <row r="219" spans="1:46">
      <c r="A219" s="45" t="s">
        <v>443</v>
      </c>
      <c r="B219" s="198">
        <v>135</v>
      </c>
      <c r="C219" s="204">
        <v>7.9000000000000001E-2</v>
      </c>
      <c r="D219" s="94">
        <v>4.8817129032836609E-2</v>
      </c>
      <c r="E219" s="204">
        <v>9.7000000000000003E-2</v>
      </c>
      <c r="F219" s="94">
        <v>5.2779925148683869E-2</v>
      </c>
      <c r="G219" s="204">
        <v>0.79500000000000004</v>
      </c>
      <c r="H219" s="94">
        <v>6.9512499042793441E-2</v>
      </c>
      <c r="I219" s="204">
        <v>2.9000000000000001E-2</v>
      </c>
      <c r="J219" s="94">
        <v>3.4241258966406625E-2</v>
      </c>
      <c r="K219" s="198">
        <v>132</v>
      </c>
      <c r="L219" s="204">
        <v>0.20191832427111314</v>
      </c>
      <c r="M219" s="94">
        <v>6.993633259306542E-2</v>
      </c>
      <c r="N219" s="204">
        <v>0.58052466176899697</v>
      </c>
      <c r="O219" s="94">
        <v>8.4695231206965663E-2</v>
      </c>
      <c r="P219" s="204">
        <v>0.13512267420846136</v>
      </c>
      <c r="Q219" s="94">
        <v>6.0532165939704001E-2</v>
      </c>
      <c r="R219" s="204">
        <v>8.2434339751428776E-2</v>
      </c>
      <c r="S219" s="94">
        <v>5.0218528965794901E-2</v>
      </c>
      <c r="T219" s="198">
        <v>134</v>
      </c>
      <c r="U219" s="204">
        <v>0.59363795974186651</v>
      </c>
      <c r="V219" s="94">
        <v>8.3706329247894021E-2</v>
      </c>
      <c r="W219" s="204">
        <v>0.24319393652711463</v>
      </c>
      <c r="X219" s="94">
        <v>7.3783543341849861E-2</v>
      </c>
      <c r="Y219" s="204">
        <v>3.0585799224943248E-2</v>
      </c>
      <c r="Z219" s="94">
        <v>3.4990298604547512E-2</v>
      </c>
      <c r="AA219" s="204">
        <v>0.13258230450607617</v>
      </c>
      <c r="AB219" s="94">
        <v>5.964062917726283E-2</v>
      </c>
      <c r="AC219" s="198">
        <v>135</v>
      </c>
      <c r="AD219" s="204">
        <v>0.34799999999999998</v>
      </c>
      <c r="AE219" s="94">
        <v>8.1037622288867364E-2</v>
      </c>
      <c r="AF219" s="204">
        <v>0.436</v>
      </c>
      <c r="AG219" s="94">
        <v>8.4160919697469555E-2</v>
      </c>
      <c r="AH219" s="204">
        <v>5.3999999999999999E-2</v>
      </c>
      <c r="AI219" s="94">
        <v>4.2364528958248472E-2</v>
      </c>
      <c r="AJ219" s="204">
        <v>0.16200000000000001</v>
      </c>
      <c r="AK219" s="94">
        <v>6.397764608108733E-2</v>
      </c>
      <c r="AL219" s="198">
        <v>135</v>
      </c>
      <c r="AM219" s="204">
        <v>0.20599999999999999</v>
      </c>
      <c r="AN219" s="94">
        <v>6.9627406104488157E-2</v>
      </c>
      <c r="AO219" s="204">
        <v>0.38200000000000001</v>
      </c>
      <c r="AP219" s="94">
        <v>8.2560786523226612E-2</v>
      </c>
      <c r="AQ219" s="204">
        <v>0.14400000000000002</v>
      </c>
      <c r="AR219" s="94">
        <v>6.1270295443741872E-2</v>
      </c>
      <c r="AS219" s="204">
        <v>0.26700000000000002</v>
      </c>
      <c r="AT219" s="94">
        <v>7.5634598541626019E-2</v>
      </c>
    </row>
    <row r="220" spans="1:46">
      <c r="A220" s="49" t="s">
        <v>444</v>
      </c>
      <c r="B220" s="201">
        <v>151</v>
      </c>
      <c r="C220" s="205">
        <v>7.9000000000000001E-2</v>
      </c>
      <c r="D220" s="97">
        <v>4.5942147314520336E-2</v>
      </c>
      <c r="E220" s="205">
        <v>0.193</v>
      </c>
      <c r="F220" s="97">
        <v>6.4368434907491723E-2</v>
      </c>
      <c r="G220" s="205">
        <v>0.72099999999999997</v>
      </c>
      <c r="H220" s="97">
        <v>7.2494235414313213E-2</v>
      </c>
      <c r="I220" s="205">
        <v>7.0000000000000001E-3</v>
      </c>
      <c r="J220" s="97">
        <v>2.2336777402277054E-2</v>
      </c>
      <c r="K220" s="201">
        <v>151</v>
      </c>
      <c r="L220" s="205">
        <v>0.29195279337852731</v>
      </c>
      <c r="M220" s="97">
        <v>7.3426993088058876E-2</v>
      </c>
      <c r="N220" s="205">
        <v>0.40621138390795947</v>
      </c>
      <c r="O220" s="97">
        <v>7.8969465753512352E-2</v>
      </c>
      <c r="P220" s="205">
        <v>0.21365868364532775</v>
      </c>
      <c r="Q220" s="97">
        <v>6.6659628080305872E-2</v>
      </c>
      <c r="R220" s="205">
        <v>8.8177139068187457E-2</v>
      </c>
      <c r="S220" s="97">
        <v>4.793609514832E-2</v>
      </c>
      <c r="T220" s="201">
        <v>151</v>
      </c>
      <c r="U220" s="205">
        <v>0.42751667411603217</v>
      </c>
      <c r="V220" s="97">
        <v>7.9516901690220673E-2</v>
      </c>
      <c r="W220" s="205">
        <v>0.17584678248478963</v>
      </c>
      <c r="X220" s="97">
        <v>6.2274720390123793E-2</v>
      </c>
      <c r="Y220" s="205">
        <v>0.19521435122035674</v>
      </c>
      <c r="Z220" s="97">
        <v>6.4625649017930567E-2</v>
      </c>
      <c r="AA220" s="205">
        <v>0.20142219217882334</v>
      </c>
      <c r="AB220" s="97">
        <v>6.5331540701323784E-2</v>
      </c>
      <c r="AC220" s="201">
        <v>152</v>
      </c>
      <c r="AD220" s="205">
        <v>0.33400000000000002</v>
      </c>
      <c r="AE220" s="97">
        <v>7.5759235905911979E-2</v>
      </c>
      <c r="AF220" s="205">
        <v>0.26600000000000001</v>
      </c>
      <c r="AG220" s="97">
        <v>7.1255409151399399E-2</v>
      </c>
      <c r="AH220" s="205">
        <v>0.187</v>
      </c>
      <c r="AI220" s="97">
        <v>6.3446048222734155E-2</v>
      </c>
      <c r="AJ220" s="205">
        <v>0.21199999999999999</v>
      </c>
      <c r="AK220" s="97">
        <v>6.6265783009603771E-2</v>
      </c>
      <c r="AL220" s="201">
        <v>151</v>
      </c>
      <c r="AM220" s="205">
        <v>0.14000000000000001</v>
      </c>
      <c r="AN220" s="97">
        <v>5.7249363352293206E-2</v>
      </c>
      <c r="AO220" s="205">
        <v>0.26200000000000001</v>
      </c>
      <c r="AP220" s="97">
        <v>7.1163933946062893E-2</v>
      </c>
      <c r="AQ220" s="205">
        <v>0.18099999999999999</v>
      </c>
      <c r="AR220" s="97">
        <v>6.292307860571647E-2</v>
      </c>
      <c r="AS220" s="205">
        <v>0.41599999999999998</v>
      </c>
      <c r="AT220" s="97">
        <v>7.923887633992871E-2</v>
      </c>
    </row>
    <row r="221" spans="1:46">
      <c r="A221" s="45" t="s">
        <v>456</v>
      </c>
      <c r="B221" s="198">
        <v>519</v>
      </c>
      <c r="C221" s="204">
        <v>8.5999999999999993E-2</v>
      </c>
      <c r="D221" s="94">
        <v>2.4922934430665414E-2</v>
      </c>
      <c r="E221" s="204">
        <v>0.22</v>
      </c>
      <c r="F221" s="94">
        <v>3.6353338149577967E-2</v>
      </c>
      <c r="G221" s="204">
        <v>0.67300000000000004</v>
      </c>
      <c r="H221" s="94">
        <v>4.1068618071594017E-2</v>
      </c>
      <c r="I221" s="204">
        <v>2.1999999999999999E-2</v>
      </c>
      <c r="J221" s="94">
        <v>1.3827013778821276E-2</v>
      </c>
      <c r="K221" s="198">
        <v>530</v>
      </c>
      <c r="L221" s="204">
        <v>0.20262977775641214</v>
      </c>
      <c r="M221" s="94">
        <v>3.4930725339610808E-2</v>
      </c>
      <c r="N221" s="204">
        <v>0.42197983453185151</v>
      </c>
      <c r="O221" s="94">
        <v>4.2752112367335005E-2</v>
      </c>
      <c r="P221" s="204">
        <v>0.27293462183870654</v>
      </c>
      <c r="Q221" s="94">
        <v>3.8629211732088907E-2</v>
      </c>
      <c r="R221" s="204">
        <v>0.10245576587302768</v>
      </c>
      <c r="S221" s="94">
        <v>2.6580015015058835E-2</v>
      </c>
      <c r="T221" s="198">
        <v>530</v>
      </c>
      <c r="U221" s="204">
        <v>0.3436153399535059</v>
      </c>
      <c r="V221" s="94">
        <v>4.1136372300190481E-2</v>
      </c>
      <c r="W221" s="204">
        <v>0.32078170713994214</v>
      </c>
      <c r="X221" s="94">
        <v>4.0443254533294358E-2</v>
      </c>
      <c r="Y221" s="204">
        <v>0.14387939735780353</v>
      </c>
      <c r="Z221" s="94">
        <v>3.0608186434804074E-2</v>
      </c>
      <c r="AA221" s="204">
        <v>0.19172355554874593</v>
      </c>
      <c r="AB221" s="94">
        <v>3.4225955202988802E-2</v>
      </c>
      <c r="AC221" s="198">
        <v>531</v>
      </c>
      <c r="AD221" s="204">
        <v>0.32800000000000001</v>
      </c>
      <c r="AE221" s="94">
        <v>4.0635762879988345E-2</v>
      </c>
      <c r="AF221" s="204">
        <v>0.34899999999999998</v>
      </c>
      <c r="AG221" s="94">
        <v>4.1245893589319189E-2</v>
      </c>
      <c r="AH221" s="204">
        <v>0.122</v>
      </c>
      <c r="AI221" s="94">
        <v>2.8579398625581866E-2</v>
      </c>
      <c r="AJ221" s="204">
        <v>0.20100000000000001</v>
      </c>
      <c r="AK221" s="94">
        <v>3.4795083964750208E-2</v>
      </c>
      <c r="AL221" s="198">
        <v>528</v>
      </c>
      <c r="AM221" s="204">
        <v>0.193</v>
      </c>
      <c r="AN221" s="94">
        <v>3.4375519143800624E-2</v>
      </c>
      <c r="AO221" s="204">
        <v>0.30500000000000005</v>
      </c>
      <c r="AP221" s="94">
        <v>3.9975994194096712E-2</v>
      </c>
      <c r="AQ221" s="204">
        <v>0.188</v>
      </c>
      <c r="AR221" s="94">
        <v>3.4040479713964851E-2</v>
      </c>
      <c r="AS221" s="204">
        <v>0.314</v>
      </c>
      <c r="AT221" s="94">
        <v>4.0292379250143062E-2</v>
      </c>
    </row>
    <row r="222" spans="1:46" ht="25.5">
      <c r="A222" s="49" t="s">
        <v>445</v>
      </c>
      <c r="B222" s="201">
        <v>172</v>
      </c>
      <c r="C222" s="205">
        <v>7.0999999999999994E-2</v>
      </c>
      <c r="D222" s="97">
        <v>4.1073503264934023E-2</v>
      </c>
      <c r="E222" s="205">
        <v>0.11799999999999999</v>
      </c>
      <c r="F222" s="97">
        <v>5.0143778532782138E-2</v>
      </c>
      <c r="G222" s="205">
        <v>0.78800000000000003</v>
      </c>
      <c r="H222" s="97">
        <v>6.2301199981689974E-2</v>
      </c>
      <c r="I222" s="205">
        <v>2.4E-2</v>
      </c>
      <c r="J222" s="97">
        <v>2.7636387423869709E-2</v>
      </c>
      <c r="K222" s="201">
        <v>175</v>
      </c>
      <c r="L222" s="205">
        <v>0.20749076458918875</v>
      </c>
      <c r="M222" s="97">
        <v>6.1311477977697981E-2</v>
      </c>
      <c r="N222" s="205">
        <v>0.50445637495543916</v>
      </c>
      <c r="O222" s="97">
        <v>7.4740671714176116E-2</v>
      </c>
      <c r="P222" s="205">
        <v>0.25519720217555592</v>
      </c>
      <c r="Q222" s="97">
        <v>6.5624635822301949E-2</v>
      </c>
      <c r="R222" s="205">
        <v>3.2855658279817318E-2</v>
      </c>
      <c r="S222" s="97">
        <v>3.0423532609216715E-2</v>
      </c>
      <c r="T222" s="201">
        <v>174</v>
      </c>
      <c r="U222" s="205">
        <v>0.55163281044834034</v>
      </c>
      <c r="V222" s="97">
        <v>7.457030834626048E-2</v>
      </c>
      <c r="W222" s="205">
        <v>0.27548837917526425</v>
      </c>
      <c r="X222" s="97">
        <v>6.7346912094993522E-2</v>
      </c>
      <c r="Y222" s="205">
        <v>7.0223950168346386E-2</v>
      </c>
      <c r="Z222" s="97">
        <v>4.0641134510947183E-2</v>
      </c>
      <c r="AA222" s="205">
        <v>0.10265486020805024</v>
      </c>
      <c r="AB222" s="97">
        <v>4.7198596281144957E-2</v>
      </c>
      <c r="AC222" s="201">
        <v>175</v>
      </c>
      <c r="AD222" s="205">
        <v>0.51900000000000002</v>
      </c>
      <c r="AE222" s="97">
        <v>7.4691911539116432E-2</v>
      </c>
      <c r="AF222" s="205">
        <v>0.247</v>
      </c>
      <c r="AG222" s="97">
        <v>6.495718811570117E-2</v>
      </c>
      <c r="AH222" s="205">
        <v>0.13100000000000001</v>
      </c>
      <c r="AI222" s="97">
        <v>5.1752832095392533E-2</v>
      </c>
      <c r="AJ222" s="205">
        <v>0.10199999999999999</v>
      </c>
      <c r="AK222" s="97">
        <v>4.6939020878834538E-2</v>
      </c>
      <c r="AL222" s="201">
        <v>174</v>
      </c>
      <c r="AM222" s="205">
        <v>0.35499999999999998</v>
      </c>
      <c r="AN222" s="97">
        <v>7.1878381440564465E-2</v>
      </c>
      <c r="AO222" s="205">
        <v>0.26700000000000002</v>
      </c>
      <c r="AP222" s="97">
        <v>6.672491572284589E-2</v>
      </c>
      <c r="AQ222" s="205">
        <v>0.161</v>
      </c>
      <c r="AR222" s="97">
        <v>5.6127053939029725E-2</v>
      </c>
      <c r="AS222" s="205">
        <v>0.218</v>
      </c>
      <c r="AT222" s="97">
        <v>6.2532679778721748E-2</v>
      </c>
    </row>
    <row r="223" spans="1:46">
      <c r="A223" s="45" t="s">
        <v>446</v>
      </c>
      <c r="B223" s="198">
        <v>119</v>
      </c>
      <c r="C223" s="204">
        <v>9.5000000000000001E-2</v>
      </c>
      <c r="D223" s="94">
        <v>5.6010981649498977E-2</v>
      </c>
      <c r="E223" s="204">
        <v>0.29699999999999999</v>
      </c>
      <c r="F223" s="94">
        <v>8.2919821925642484E-2</v>
      </c>
      <c r="G223" s="204">
        <v>0.56100000000000005</v>
      </c>
      <c r="H223" s="94">
        <v>8.9536672059334521E-2</v>
      </c>
      <c r="I223" s="204">
        <v>4.7E-2</v>
      </c>
      <c r="J223" s="94">
        <v>4.3400537117350854E-2</v>
      </c>
      <c r="K223" s="198">
        <v>121</v>
      </c>
      <c r="L223" s="204">
        <v>0.28672912194714628</v>
      </c>
      <c r="M223" s="94">
        <v>8.1462622083043515E-2</v>
      </c>
      <c r="N223" s="204">
        <v>0.37582130136125269</v>
      </c>
      <c r="O223" s="94">
        <v>8.6819493242534906E-2</v>
      </c>
      <c r="P223" s="204">
        <v>0.22630674526513436</v>
      </c>
      <c r="Q223" s="94">
        <v>7.5854472959739516E-2</v>
      </c>
      <c r="R223" s="204">
        <v>0.11114283142646725</v>
      </c>
      <c r="S223" s="94">
        <v>5.8872797645676322E-2</v>
      </c>
      <c r="T223" s="198">
        <v>122</v>
      </c>
      <c r="U223" s="204">
        <v>0.21368230641377062</v>
      </c>
      <c r="V223" s="94">
        <v>7.4139401362920576E-2</v>
      </c>
      <c r="W223" s="204">
        <v>0.35946343211397153</v>
      </c>
      <c r="X223" s="94">
        <v>8.5724470031100522E-2</v>
      </c>
      <c r="Y223" s="204">
        <v>0.20803448712279599</v>
      </c>
      <c r="Z223" s="94">
        <v>7.3480920371286562E-2</v>
      </c>
      <c r="AA223" s="204">
        <v>0.21881977434946256</v>
      </c>
      <c r="AB223" s="94">
        <v>7.4722307215512887E-2</v>
      </c>
      <c r="AC223" s="198">
        <v>122</v>
      </c>
      <c r="AD223" s="204">
        <v>0.193</v>
      </c>
      <c r="AE223" s="94">
        <v>7.163400769858487E-2</v>
      </c>
      <c r="AF223" s="204">
        <v>0.39200000000000002</v>
      </c>
      <c r="AG223" s="94">
        <v>8.7116928598644297E-2</v>
      </c>
      <c r="AH223" s="204">
        <v>0.14400000000000002</v>
      </c>
      <c r="AI223" s="94">
        <v>6.4533245838979153E-2</v>
      </c>
      <c r="AJ223" s="204">
        <v>0.27200000000000002</v>
      </c>
      <c r="AK223" s="94">
        <v>7.993334155564033E-2</v>
      </c>
      <c r="AL223" s="198">
        <v>121</v>
      </c>
      <c r="AM223" s="204">
        <v>0.16200000000000001</v>
      </c>
      <c r="AN223" s="94">
        <v>6.7634459889970286E-2</v>
      </c>
      <c r="AO223" s="204">
        <v>0.38100000000000001</v>
      </c>
      <c r="AP223" s="94">
        <v>8.7036691690068266E-2</v>
      </c>
      <c r="AQ223" s="204">
        <v>0.20099999999999998</v>
      </c>
      <c r="AR223" s="94">
        <v>7.2933749088004526E-2</v>
      </c>
      <c r="AS223" s="204">
        <v>0.25600000000000001</v>
      </c>
      <c r="AT223" s="94">
        <v>7.8834173125314128E-2</v>
      </c>
    </row>
    <row r="224" spans="1:46">
      <c r="A224" s="49" t="s">
        <v>447</v>
      </c>
      <c r="B224" s="201">
        <v>93</v>
      </c>
      <c r="C224" s="205">
        <v>9.2999999999999999E-2</v>
      </c>
      <c r="D224" s="97">
        <v>6.3483446060655077E-2</v>
      </c>
      <c r="E224" s="205">
        <v>0.29799999999999999</v>
      </c>
      <c r="F224" s="97">
        <v>9.3608505025529948E-2</v>
      </c>
      <c r="G224" s="205">
        <v>0.60799999999999998</v>
      </c>
      <c r="H224" s="97">
        <v>9.9333478696247257E-2</v>
      </c>
      <c r="I224" s="205">
        <v>0</v>
      </c>
      <c r="J224" s="97">
        <v>2.885686812463846E-2</v>
      </c>
      <c r="K224" s="201">
        <v>98</v>
      </c>
      <c r="L224" s="205">
        <v>0.22435073467666417</v>
      </c>
      <c r="M224" s="97">
        <v>8.3984135855814421E-2</v>
      </c>
      <c r="N224" s="205">
        <v>0.41587523293081863</v>
      </c>
      <c r="O224" s="97">
        <v>9.7712502876852778E-2</v>
      </c>
      <c r="P224" s="205">
        <v>0.21650871982559317</v>
      </c>
      <c r="Q224" s="97">
        <v>8.3033755882023386E-2</v>
      </c>
      <c r="R224" s="205">
        <v>0.14326531256692443</v>
      </c>
      <c r="S224" s="97">
        <v>7.2090847373833603E-2</v>
      </c>
      <c r="T224" s="201">
        <v>98</v>
      </c>
      <c r="U224" s="205">
        <v>0.32155997348521692</v>
      </c>
      <c r="V224" s="97">
        <v>9.3012230037713736E-2</v>
      </c>
      <c r="W224" s="205">
        <v>0.29755273684180972</v>
      </c>
      <c r="X224" s="97">
        <v>9.1215447977156555E-2</v>
      </c>
      <c r="Y224" s="205">
        <v>0.15564210643725335</v>
      </c>
      <c r="Z224" s="97">
        <v>7.4237523953039619E-2</v>
      </c>
      <c r="AA224" s="205">
        <v>0.22524518323572035</v>
      </c>
      <c r="AB224" s="97">
        <v>8.4090170385663798E-2</v>
      </c>
      <c r="AC224" s="201">
        <v>98</v>
      </c>
      <c r="AD224" s="205">
        <v>0.28899999999999998</v>
      </c>
      <c r="AE224" s="97">
        <v>9.0511049184618234E-2</v>
      </c>
      <c r="AF224" s="205">
        <v>0.41100000000000003</v>
      </c>
      <c r="AG224" s="97">
        <v>9.7556031850036265E-2</v>
      </c>
      <c r="AH224" s="205">
        <v>9.0999999999999998E-2</v>
      </c>
      <c r="AI224" s="97">
        <v>6.122341663747901E-2</v>
      </c>
      <c r="AJ224" s="205">
        <v>0.20799999999999999</v>
      </c>
      <c r="AK224" s="97">
        <v>8.1959398747322859E-2</v>
      </c>
      <c r="AL224" s="201">
        <v>97</v>
      </c>
      <c r="AM224" s="205">
        <v>0.104</v>
      </c>
      <c r="AN224" s="97">
        <v>6.4595959024662725E-2</v>
      </c>
      <c r="AO224" s="205">
        <v>0.252</v>
      </c>
      <c r="AP224" s="97">
        <v>8.7488870365500071E-2</v>
      </c>
      <c r="AQ224" s="205">
        <v>0.153</v>
      </c>
      <c r="AR224" s="97">
        <v>7.4179201853491875E-2</v>
      </c>
      <c r="AS224" s="205">
        <v>0.49</v>
      </c>
      <c r="AT224" s="97">
        <v>9.9485361666574651E-2</v>
      </c>
    </row>
    <row r="225" spans="1:46" ht="25.5">
      <c r="A225" s="57" t="s">
        <v>448</v>
      </c>
      <c r="B225" s="198">
        <v>135</v>
      </c>
      <c r="C225" s="204">
        <v>8.7999999999999995E-2</v>
      </c>
      <c r="D225" s="94">
        <v>5.0858775091824883E-2</v>
      </c>
      <c r="E225" s="204">
        <v>0.16900000000000001</v>
      </c>
      <c r="F225" s="94">
        <v>6.4963507191147699E-2</v>
      </c>
      <c r="G225" s="204">
        <v>0.74299999999999999</v>
      </c>
      <c r="H225" s="94">
        <v>7.4775559478947595E-2</v>
      </c>
      <c r="I225" s="204">
        <v>0</v>
      </c>
      <c r="J225" s="94">
        <v>2.0201474828221939E-2</v>
      </c>
      <c r="K225" s="198">
        <v>136</v>
      </c>
      <c r="L225" s="204">
        <v>1.8179564795473013E-2</v>
      </c>
      <c r="M225" s="94">
        <v>2.9725085502664894E-2</v>
      </c>
      <c r="N225" s="204">
        <v>0.36342864304323652</v>
      </c>
      <c r="O225" s="94">
        <v>8.1485993890608593E-2</v>
      </c>
      <c r="P225" s="204">
        <v>0.45852128935372227</v>
      </c>
      <c r="Q225" s="94">
        <v>8.4240544263961756E-2</v>
      </c>
      <c r="R225" s="204">
        <v>0.15987050280756873</v>
      </c>
      <c r="S225" s="94">
        <v>6.3432356103562015E-2</v>
      </c>
      <c r="T225" s="198">
        <v>136</v>
      </c>
      <c r="U225" s="204">
        <v>0.23212228704813381</v>
      </c>
      <c r="V225" s="94">
        <v>7.2167154481784151E-2</v>
      </c>
      <c r="W225" s="204">
        <v>0.36225306601284046</v>
      </c>
      <c r="X225" s="94">
        <v>8.1432624918338831E-2</v>
      </c>
      <c r="Y225" s="204">
        <v>0.14615419760103551</v>
      </c>
      <c r="Z225" s="94">
        <v>6.1376034340927213E-2</v>
      </c>
      <c r="AA225" s="204">
        <v>0.2594704493379909</v>
      </c>
      <c r="AB225" s="94">
        <v>7.4719337053050658E-2</v>
      </c>
      <c r="AC225" s="198">
        <v>136</v>
      </c>
      <c r="AD225" s="204">
        <v>0.27500000000000002</v>
      </c>
      <c r="AE225" s="94">
        <v>7.6012504725443492E-2</v>
      </c>
      <c r="AF225" s="204">
        <v>0.376</v>
      </c>
      <c r="AG225" s="94">
        <v>8.2026141605621924E-2</v>
      </c>
      <c r="AH225" s="204">
        <v>0.104</v>
      </c>
      <c r="AI225" s="94">
        <v>5.3988597003570983E-2</v>
      </c>
      <c r="AJ225" s="204">
        <v>0.245</v>
      </c>
      <c r="AK225" s="94">
        <v>7.3414212842135146E-2</v>
      </c>
      <c r="AL225" s="198">
        <v>136</v>
      </c>
      <c r="AM225" s="204">
        <v>6.9000000000000006E-2</v>
      </c>
      <c r="AN225" s="94">
        <v>4.6199032968562453E-2</v>
      </c>
      <c r="AO225" s="204">
        <v>0.30499999999999999</v>
      </c>
      <c r="AP225" s="94">
        <v>7.8215237157571546E-2</v>
      </c>
      <c r="AQ225" s="204">
        <v>0.252</v>
      </c>
      <c r="AR225" s="94">
        <v>7.4057951620678311E-2</v>
      </c>
      <c r="AS225" s="204">
        <v>0.373</v>
      </c>
      <c r="AT225" s="94">
        <v>8.1902292068440546E-2</v>
      </c>
    </row>
    <row r="226" spans="1:46">
      <c r="A226" s="49" t="s">
        <v>457</v>
      </c>
      <c r="B226" s="201">
        <v>744</v>
      </c>
      <c r="C226" s="205">
        <v>0.129</v>
      </c>
      <c r="D226" s="97">
        <v>2.4671874498824721E-2</v>
      </c>
      <c r="E226" s="205">
        <v>0.17299999999999999</v>
      </c>
      <c r="F226" s="97">
        <v>2.7770215245662176E-2</v>
      </c>
      <c r="G226" s="205">
        <v>0.68500000000000005</v>
      </c>
      <c r="H226" s="97">
        <v>3.3997488430099324E-2</v>
      </c>
      <c r="I226" s="205">
        <v>1.2999999999999999E-2</v>
      </c>
      <c r="J226" s="97">
        <v>9.0632904097512831E-3</v>
      </c>
      <c r="K226" s="201">
        <v>745</v>
      </c>
      <c r="L226" s="205">
        <v>0.27006973314067018</v>
      </c>
      <c r="M226" s="97">
        <v>3.2492804340902424E-2</v>
      </c>
      <c r="N226" s="205">
        <v>0.39587045918899</v>
      </c>
      <c r="O226" s="97">
        <v>3.5746664042198881E-2</v>
      </c>
      <c r="P226" s="205">
        <v>0.23160650365502194</v>
      </c>
      <c r="Q226" s="97">
        <v>3.0895169370372837E-2</v>
      </c>
      <c r="R226" s="205">
        <v>0.10245330401531538</v>
      </c>
      <c r="S226" s="97">
        <v>2.2362490502124063E-2</v>
      </c>
      <c r="T226" s="201">
        <v>749</v>
      </c>
      <c r="U226" s="205">
        <v>0.46698744608531945</v>
      </c>
      <c r="V226" s="97">
        <v>3.636335144512165E-2</v>
      </c>
      <c r="W226" s="205">
        <v>0.26041259996944705</v>
      </c>
      <c r="X226" s="97">
        <v>3.2036342896912082E-2</v>
      </c>
      <c r="Y226" s="205">
        <v>8.629847531980428E-2</v>
      </c>
      <c r="Z226" s="97">
        <v>2.0700165778464268E-2</v>
      </c>
      <c r="AA226" s="205">
        <v>0.18630147862542693</v>
      </c>
      <c r="AB226" s="97">
        <v>2.847481597324928E-2</v>
      </c>
      <c r="AC226" s="201">
        <v>745</v>
      </c>
      <c r="AD226" s="205">
        <v>0.42699999999999999</v>
      </c>
      <c r="AE226" s="97">
        <v>3.615186530282697E-2</v>
      </c>
      <c r="AF226" s="205">
        <v>0.312</v>
      </c>
      <c r="AG226" s="97">
        <v>3.3887625333857314E-2</v>
      </c>
      <c r="AH226" s="205">
        <v>0.09</v>
      </c>
      <c r="AI226" s="97">
        <v>2.1141100931780562E-2</v>
      </c>
      <c r="AJ226" s="205">
        <v>0.17199999999999999</v>
      </c>
      <c r="AK226" s="97">
        <v>2.7689102361426944E-2</v>
      </c>
      <c r="AL226" s="201">
        <v>743</v>
      </c>
      <c r="AM226" s="205">
        <v>0.26800000000000002</v>
      </c>
      <c r="AN226" s="97">
        <v>3.2458469814959902E-2</v>
      </c>
      <c r="AO226" s="205">
        <v>0.27700000000000002</v>
      </c>
      <c r="AP226" s="97">
        <v>3.2790940324904434E-2</v>
      </c>
      <c r="AQ226" s="205">
        <v>0.13800000000000001</v>
      </c>
      <c r="AR226" s="97">
        <v>2.5386507168779954E-2</v>
      </c>
      <c r="AS226" s="205">
        <v>0.316</v>
      </c>
      <c r="AT226" s="97">
        <v>3.4048992988934448E-2</v>
      </c>
    </row>
    <row r="227" spans="1:46">
      <c r="A227" s="57" t="s">
        <v>449</v>
      </c>
      <c r="B227" s="198">
        <v>131</v>
      </c>
      <c r="C227" s="204">
        <v>0.17499999999999999</v>
      </c>
      <c r="D227" s="94">
        <v>6.678689813683085E-2</v>
      </c>
      <c r="E227" s="204">
        <v>0.11899999999999999</v>
      </c>
      <c r="F227" s="94">
        <v>5.7943444794868119E-2</v>
      </c>
      <c r="G227" s="204">
        <v>0.70599999999999996</v>
      </c>
      <c r="H227" s="94">
        <v>7.888885209270316E-2</v>
      </c>
      <c r="I227" s="204">
        <v>0</v>
      </c>
      <c r="J227" s="94">
        <v>2.07955380376675E-2</v>
      </c>
      <c r="K227" s="198">
        <v>134</v>
      </c>
      <c r="L227" s="204">
        <v>0.22018470251245589</v>
      </c>
      <c r="M227" s="94">
        <v>7.1460245565807379E-2</v>
      </c>
      <c r="N227" s="204">
        <v>0.37509056958190579</v>
      </c>
      <c r="O227" s="94">
        <v>8.2583117671356551E-2</v>
      </c>
      <c r="P227" s="204">
        <v>0.30122407876210477</v>
      </c>
      <c r="Q227" s="94">
        <v>7.8527292378662322E-2</v>
      </c>
      <c r="R227" s="204">
        <v>0.1035006491435338</v>
      </c>
      <c r="S227" s="94">
        <v>5.431254308341326E-2</v>
      </c>
      <c r="T227" s="198">
        <v>134</v>
      </c>
      <c r="U227" s="204">
        <v>0.4537442102836321</v>
      </c>
      <c r="V227" s="94">
        <v>8.4781499038892233E-2</v>
      </c>
      <c r="W227" s="204">
        <v>0.1877597203270861</v>
      </c>
      <c r="X227" s="94">
        <v>6.768981317639064E-2</v>
      </c>
      <c r="Y227" s="204">
        <v>0.14904173463542444</v>
      </c>
      <c r="Z227" s="94">
        <v>6.229085603406493E-2</v>
      </c>
      <c r="AA227" s="204">
        <v>0.20945433475385788</v>
      </c>
      <c r="AB227" s="94">
        <v>7.0280188607242305E-2</v>
      </c>
      <c r="AC227" s="198">
        <v>133</v>
      </c>
      <c r="AD227" s="204">
        <v>0.49299999999999999</v>
      </c>
      <c r="AE227" s="94">
        <v>8.5427874481797561E-2</v>
      </c>
      <c r="AF227" s="204">
        <v>0.20500000000000002</v>
      </c>
      <c r="AG227" s="94">
        <v>7.0032852700889991E-2</v>
      </c>
      <c r="AH227" s="204">
        <v>0.129</v>
      </c>
      <c r="AI227" s="94">
        <v>5.9260428791228364E-2</v>
      </c>
      <c r="AJ227" s="204">
        <v>0.17199999999999999</v>
      </c>
      <c r="AK227" s="94">
        <v>6.5870158788317174E-2</v>
      </c>
      <c r="AL227" s="198">
        <v>131</v>
      </c>
      <c r="AM227" s="204">
        <v>0.222</v>
      </c>
      <c r="AN227" s="94">
        <v>7.2465152557716517E-2</v>
      </c>
      <c r="AO227" s="204">
        <v>0.29400000000000004</v>
      </c>
      <c r="AP227" s="94">
        <v>7.8888852092703146E-2</v>
      </c>
      <c r="AQ227" s="204">
        <v>0.19700000000000001</v>
      </c>
      <c r="AR227" s="94">
        <v>6.9612883618012822E-2</v>
      </c>
      <c r="AS227" s="204">
        <v>0.28799999999999998</v>
      </c>
      <c r="AT227" s="94">
        <v>7.8444109122080788E-2</v>
      </c>
    </row>
    <row r="228" spans="1:46">
      <c r="A228" s="49" t="s">
        <v>450</v>
      </c>
      <c r="B228" s="201">
        <v>108</v>
      </c>
      <c r="C228" s="205">
        <v>6.0999999999999999E-2</v>
      </c>
      <c r="D228" s="97">
        <v>5.0284536146188309E-2</v>
      </c>
      <c r="E228" s="205">
        <v>0.185</v>
      </c>
      <c r="F228" s="97">
        <v>7.5056154572997635E-2</v>
      </c>
      <c r="G228" s="205">
        <v>0.745</v>
      </c>
      <c r="H228" s="97">
        <v>8.3277920564645641E-2</v>
      </c>
      <c r="I228" s="205">
        <v>8.9999999999999993E-3</v>
      </c>
      <c r="J228" s="97">
        <v>3.0373608229761633E-2</v>
      </c>
      <c r="K228" s="201">
        <v>108</v>
      </c>
      <c r="L228" s="205">
        <v>0.47533607647320381</v>
      </c>
      <c r="M228" s="97">
        <v>9.4384162870886565E-2</v>
      </c>
      <c r="N228" s="205">
        <v>0.31448790671083166</v>
      </c>
      <c r="O228" s="97">
        <v>8.823660610179565E-2</v>
      </c>
      <c r="P228" s="205">
        <v>0.13621265934325941</v>
      </c>
      <c r="Q228" s="97">
        <v>6.7332573610941263E-2</v>
      </c>
      <c r="R228" s="205">
        <v>7.3963357472705007E-2</v>
      </c>
      <c r="S228" s="97">
        <v>5.3860290963834871E-2</v>
      </c>
      <c r="T228" s="201">
        <v>107</v>
      </c>
      <c r="U228" s="205">
        <v>0.59277648618413525</v>
      </c>
      <c r="V228" s="97">
        <v>9.3385128093622663E-2</v>
      </c>
      <c r="W228" s="205">
        <v>0.33893943498416629</v>
      </c>
      <c r="X228" s="97">
        <v>9.0224024317482818E-2</v>
      </c>
      <c r="Y228" s="205">
        <v>2.2830114586686712E-2</v>
      </c>
      <c r="Z228" s="97">
        <v>3.7210572489894005E-2</v>
      </c>
      <c r="AA228" s="205">
        <v>4.5453964245011476E-2</v>
      </c>
      <c r="AB228" s="97">
        <v>4.572166392478573E-2</v>
      </c>
      <c r="AC228" s="201">
        <v>106</v>
      </c>
      <c r="AD228" s="205">
        <v>0.46700000000000003</v>
      </c>
      <c r="AE228" s="97">
        <v>9.5153227624041894E-2</v>
      </c>
      <c r="AF228" s="205">
        <v>0.34899999999999998</v>
      </c>
      <c r="AG228" s="97">
        <v>9.1219436617584151E-2</v>
      </c>
      <c r="AH228" s="205">
        <v>3.1E-2</v>
      </c>
      <c r="AI228" s="97">
        <v>4.0785606246991547E-2</v>
      </c>
      <c r="AJ228" s="205">
        <v>0.152</v>
      </c>
      <c r="AK228" s="97">
        <v>7.07218433829329E-2</v>
      </c>
      <c r="AL228" s="201">
        <v>108</v>
      </c>
      <c r="AM228" s="205">
        <v>0.245</v>
      </c>
      <c r="AN228" s="97">
        <v>8.2274953402366124E-2</v>
      </c>
      <c r="AO228" s="205">
        <v>0.28199999999999997</v>
      </c>
      <c r="AP228" s="97">
        <v>8.5734214307448167E-2</v>
      </c>
      <c r="AQ228" s="205">
        <v>9.9999999999999992E-2</v>
      </c>
      <c r="AR228" s="97">
        <v>6.0126203521045855E-2</v>
      </c>
      <c r="AS228" s="205">
        <v>0.373</v>
      </c>
      <c r="AT228" s="97">
        <v>9.1613025182107663E-2</v>
      </c>
    </row>
    <row r="229" spans="1:46" ht="25.5">
      <c r="A229" s="57" t="s">
        <v>451</v>
      </c>
      <c r="B229" s="198">
        <v>188</v>
      </c>
      <c r="C229" s="204">
        <v>2.8000000000000001E-2</v>
      </c>
      <c r="D229" s="94">
        <v>2.7538598753318884E-2</v>
      </c>
      <c r="E229" s="204">
        <v>9.4E-2</v>
      </c>
      <c r="F229" s="94">
        <v>4.3770381743796626E-2</v>
      </c>
      <c r="G229" s="204">
        <v>0.86099999999999999</v>
      </c>
      <c r="H229" s="94">
        <v>5.1041747360338709E-2</v>
      </c>
      <c r="I229" s="204">
        <v>1.7999999999999999E-2</v>
      </c>
      <c r="J229" s="94">
        <v>2.3828961544210502E-2</v>
      </c>
      <c r="K229" s="198">
        <v>186</v>
      </c>
      <c r="L229" s="204">
        <v>4.1030008001416485E-2</v>
      </c>
      <c r="M229" s="94">
        <v>3.1829414112481545E-2</v>
      </c>
      <c r="N229" s="204">
        <v>0.45283198212200559</v>
      </c>
      <c r="O229" s="94">
        <v>7.2237600462979626E-2</v>
      </c>
      <c r="P229" s="204">
        <v>0.34046359948206995</v>
      </c>
      <c r="Q229" s="94">
        <v>6.8917725731317936E-2</v>
      </c>
      <c r="R229" s="204">
        <v>0.16567441039450936</v>
      </c>
      <c r="S229" s="94">
        <v>5.4845835120044588E-2</v>
      </c>
      <c r="T229" s="198">
        <v>189</v>
      </c>
      <c r="U229" s="204">
        <v>0.2229820432199294</v>
      </c>
      <c r="V229" s="94">
        <v>6.0466061751026354E-2</v>
      </c>
      <c r="W229" s="204">
        <v>0.34090673223155654</v>
      </c>
      <c r="X229" s="94">
        <v>6.8398043637217854E-2</v>
      </c>
      <c r="Y229" s="204">
        <v>0.11140781958535106</v>
      </c>
      <c r="Z229" s="94">
        <v>4.6691687058716784E-2</v>
      </c>
      <c r="AA229" s="204">
        <v>0.32470340496316452</v>
      </c>
      <c r="AB229" s="94">
        <v>6.7606242017439561E-2</v>
      </c>
      <c r="AC229" s="198">
        <v>187</v>
      </c>
      <c r="AD229" s="204">
        <v>0.19500000000000001</v>
      </c>
      <c r="AE229" s="94">
        <v>5.8036012607147316E-2</v>
      </c>
      <c r="AF229" s="204">
        <v>0.376</v>
      </c>
      <c r="AG229" s="94">
        <v>7.0192148733490681E-2</v>
      </c>
      <c r="AH229" s="204">
        <v>0.13100000000000001</v>
      </c>
      <c r="AI229" s="94">
        <v>5.0022478807597248E-2</v>
      </c>
      <c r="AJ229" s="204">
        <v>0.29699999999999999</v>
      </c>
      <c r="AK229" s="94">
        <v>6.6395445151642057E-2</v>
      </c>
      <c r="AL229" s="198">
        <v>187</v>
      </c>
      <c r="AM229" s="204">
        <v>9.2999999999999999E-2</v>
      </c>
      <c r="AN229" s="94">
        <v>4.3706907437321703E-2</v>
      </c>
      <c r="AO229" s="204">
        <v>0.32100000000000001</v>
      </c>
      <c r="AP229" s="94">
        <v>6.7767229988291044E-2</v>
      </c>
      <c r="AQ229" s="204">
        <v>0.108</v>
      </c>
      <c r="AR229" s="94">
        <v>4.6377642618236688E-2</v>
      </c>
      <c r="AS229" s="204">
        <v>0.47799999999999998</v>
      </c>
      <c r="AT229" s="94">
        <v>7.2290290307929564E-2</v>
      </c>
    </row>
    <row r="230" spans="1:46">
      <c r="A230" s="49" t="s">
        <v>452</v>
      </c>
      <c r="B230" s="201">
        <v>84</v>
      </c>
      <c r="C230" s="205">
        <v>5.0999999999999997E-2</v>
      </c>
      <c r="D230" s="97">
        <v>5.4900667591829426E-2</v>
      </c>
      <c r="E230" s="205">
        <v>0.152</v>
      </c>
      <c r="F230" s="97">
        <v>7.9674120261971876E-2</v>
      </c>
      <c r="G230" s="205">
        <v>0.75700000000000001</v>
      </c>
      <c r="H230" s="97">
        <v>9.2887759656827842E-2</v>
      </c>
      <c r="I230" s="205">
        <v>0.04</v>
      </c>
      <c r="J230" s="97">
        <v>5.0989826772209715E-2</v>
      </c>
      <c r="K230" s="201">
        <v>84</v>
      </c>
      <c r="L230" s="205">
        <v>3.6970393796494055E-2</v>
      </c>
      <c r="M230" s="97">
        <v>4.9841202045611627E-2</v>
      </c>
      <c r="N230" s="205">
        <v>0.41108770084432933</v>
      </c>
      <c r="O230" s="97">
        <v>0.10505343706100964</v>
      </c>
      <c r="P230" s="205">
        <v>0.44443051227077257</v>
      </c>
      <c r="Q230" s="97">
        <v>0.10599879422448781</v>
      </c>
      <c r="R230" s="205">
        <v>0.10751139308840406</v>
      </c>
      <c r="S230" s="97">
        <v>7.059446105027771E-2</v>
      </c>
      <c r="T230" s="201">
        <v>84</v>
      </c>
      <c r="U230" s="205">
        <v>0.19297166120751544</v>
      </c>
      <c r="V230" s="97">
        <v>8.6368267186440348E-2</v>
      </c>
      <c r="W230" s="205">
        <v>0.37747082028686163</v>
      </c>
      <c r="X230" s="97">
        <v>0.10364283846509423</v>
      </c>
      <c r="Y230" s="205">
        <v>0.12696364592971549</v>
      </c>
      <c r="Z230" s="97">
        <v>7.4835250077175633E-2</v>
      </c>
      <c r="AA230" s="205">
        <v>0.3025938725759072</v>
      </c>
      <c r="AB230" s="97">
        <v>9.874046758870321E-2</v>
      </c>
      <c r="AC230" s="201">
        <v>84</v>
      </c>
      <c r="AD230" s="205">
        <v>0.154</v>
      </c>
      <c r="AE230" s="97">
        <v>8.003406252676383E-2</v>
      </c>
      <c r="AF230" s="205">
        <v>0.48099999999999998</v>
      </c>
      <c r="AG230" s="97">
        <v>0.106530207477429</v>
      </c>
      <c r="AH230" s="205">
        <v>0.14599999999999999</v>
      </c>
      <c r="AI230" s="97">
        <v>7.8571752465498856E-2</v>
      </c>
      <c r="AJ230" s="205">
        <v>0.219</v>
      </c>
      <c r="AK230" s="97">
        <v>8.9963156641859193E-2</v>
      </c>
      <c r="AL230" s="201">
        <v>82</v>
      </c>
      <c r="AM230" s="205">
        <v>7.1999999999999995E-2</v>
      </c>
      <c r="AN230" s="97">
        <v>6.2304609695423466E-2</v>
      </c>
      <c r="AO230" s="205">
        <v>0.20399999999999999</v>
      </c>
      <c r="AP230" s="97">
        <v>8.9011309217715787E-2</v>
      </c>
      <c r="AQ230" s="205">
        <v>0.19800000000000001</v>
      </c>
      <c r="AR230" s="97">
        <v>8.8154934575266047E-2</v>
      </c>
      <c r="AS230" s="205">
        <v>0.52600000000000002</v>
      </c>
      <c r="AT230" s="97">
        <v>0.10770014819553528</v>
      </c>
    </row>
    <row r="231" spans="1:46">
      <c r="A231" s="57" t="s">
        <v>453</v>
      </c>
      <c r="B231" s="198">
        <v>99</v>
      </c>
      <c r="C231" s="204">
        <v>0.14799999999999999</v>
      </c>
      <c r="D231" s="94">
        <v>7.2549345886352881E-2</v>
      </c>
      <c r="E231" s="204">
        <v>0.151</v>
      </c>
      <c r="F231" s="94">
        <v>7.3067485031075199E-2</v>
      </c>
      <c r="G231" s="204">
        <v>0.67600000000000005</v>
      </c>
      <c r="H231" s="94">
        <v>9.2722194188838453E-2</v>
      </c>
      <c r="I231" s="204">
        <v>2.5000000000000001E-2</v>
      </c>
      <c r="J231" s="94">
        <v>4.0173891304939376E-2</v>
      </c>
      <c r="K231" s="198">
        <v>98</v>
      </c>
      <c r="L231" s="204">
        <v>0.2171390617999342</v>
      </c>
      <c r="M231" s="94">
        <v>8.3111539190852041E-2</v>
      </c>
      <c r="N231" s="204">
        <v>0.49248266937498786</v>
      </c>
      <c r="O231" s="94">
        <v>9.9004423551810758E-2</v>
      </c>
      <c r="P231" s="204">
        <v>0.18881039195689192</v>
      </c>
      <c r="Q231" s="94">
        <v>7.9361994063268687E-2</v>
      </c>
      <c r="R231" s="204">
        <v>0.10156787686818661</v>
      </c>
      <c r="S231" s="94">
        <v>6.3696136812684642E-2</v>
      </c>
      <c r="T231" s="198">
        <v>100</v>
      </c>
      <c r="U231" s="204">
        <v>0.4943521616896816</v>
      </c>
      <c r="V231" s="94">
        <v>9.8052283626603745E-2</v>
      </c>
      <c r="W231" s="204">
        <v>0.25881282938066308</v>
      </c>
      <c r="X231" s="94">
        <v>8.6872454742580971E-2</v>
      </c>
      <c r="Y231" s="204">
        <v>9.7718266397370815E-2</v>
      </c>
      <c r="Z231" s="94">
        <v>6.2134630381728957E-2</v>
      </c>
      <c r="AA231" s="204">
        <v>0.14911674253228527</v>
      </c>
      <c r="AB231" s="94">
        <v>7.2369114691745243E-2</v>
      </c>
      <c r="AC231" s="198">
        <v>100</v>
      </c>
      <c r="AD231" s="204">
        <v>0.40100000000000002</v>
      </c>
      <c r="AE231" s="94">
        <v>9.6264544266989965E-2</v>
      </c>
      <c r="AF231" s="204">
        <v>0.33499999999999996</v>
      </c>
      <c r="AG231" s="94">
        <v>9.2990685451780547E-2</v>
      </c>
      <c r="AH231" s="204">
        <v>8.5999999999999993E-2</v>
      </c>
      <c r="AI231" s="94">
        <v>5.9334373003801177E-2</v>
      </c>
      <c r="AJ231" s="204">
        <v>0.17799999999999999</v>
      </c>
      <c r="AK231" s="94">
        <v>7.6996082220378015E-2</v>
      </c>
      <c r="AL231" s="198">
        <v>100</v>
      </c>
      <c r="AM231" s="204">
        <v>0.20799999999999999</v>
      </c>
      <c r="AN231" s="94">
        <v>8.1138210445855535E-2</v>
      </c>
      <c r="AO231" s="204">
        <v>0.32400000000000001</v>
      </c>
      <c r="AP231" s="94">
        <v>9.2270702647899064E-2</v>
      </c>
      <c r="AQ231" s="204">
        <v>0.11099999999999999</v>
      </c>
      <c r="AR231" s="94">
        <v>6.5072512597616469E-2</v>
      </c>
      <c r="AS231" s="204">
        <v>0.35699999999999998</v>
      </c>
      <c r="AT231" s="94">
        <v>9.4277362891874272E-2</v>
      </c>
    </row>
    <row r="232" spans="1:46">
      <c r="A232" s="49" t="s">
        <v>454</v>
      </c>
      <c r="B232" s="201">
        <v>134</v>
      </c>
      <c r="C232" s="205">
        <v>0.26200000000000001</v>
      </c>
      <c r="D232" s="97">
        <v>7.5487232847551752E-2</v>
      </c>
      <c r="E232" s="205">
        <v>0.30299999999999999</v>
      </c>
      <c r="F232" s="97">
        <v>7.8649505254044447E-2</v>
      </c>
      <c r="G232" s="205">
        <v>0.435</v>
      </c>
      <c r="H232" s="97">
        <v>8.4444712701509009E-2</v>
      </c>
      <c r="I232" s="205">
        <v>0</v>
      </c>
      <c r="J232" s="97">
        <v>2.034678603371113E-2</v>
      </c>
      <c r="K232" s="201">
        <v>135</v>
      </c>
      <c r="L232" s="205">
        <v>0.50786227972554299</v>
      </c>
      <c r="M232" s="97">
        <v>8.4809000996876049E-2</v>
      </c>
      <c r="N232" s="205">
        <v>0.32421212275400391</v>
      </c>
      <c r="O232" s="97">
        <v>7.9721011537222497E-2</v>
      </c>
      <c r="P232" s="205">
        <v>0.11151692848775491</v>
      </c>
      <c r="Q232" s="97">
        <v>5.5656168524090457E-2</v>
      </c>
      <c r="R232" s="205">
        <v>5.6408669032699789E-2</v>
      </c>
      <c r="S232" s="97">
        <v>4.3045520667390015E-2</v>
      </c>
      <c r="T232" s="201">
        <v>135</v>
      </c>
      <c r="U232" s="205">
        <v>0.70603140673829712</v>
      </c>
      <c r="V232" s="97">
        <v>7.7730212517790859E-2</v>
      </c>
      <c r="W232" s="205">
        <v>0.12902917786789647</v>
      </c>
      <c r="X232" s="97">
        <v>5.8810076640678798E-2</v>
      </c>
      <c r="Y232" s="205">
        <v>4.4531710534337049E-2</v>
      </c>
      <c r="Z232" s="97">
        <v>3.9535610243493127E-2</v>
      </c>
      <c r="AA232" s="205">
        <v>0.12040770485947029</v>
      </c>
      <c r="AB232" s="97">
        <v>5.7297239304445781E-2</v>
      </c>
      <c r="AC232" s="201">
        <v>135</v>
      </c>
      <c r="AD232" s="205">
        <v>0.70399999999999996</v>
      </c>
      <c r="AE232" s="97">
        <v>7.7875514507836183E-2</v>
      </c>
      <c r="AF232" s="205">
        <v>0.21100000000000002</v>
      </c>
      <c r="AG232" s="97">
        <v>7.0193319708942409E-2</v>
      </c>
      <c r="AH232" s="205">
        <v>4.8000000000000001E-2</v>
      </c>
      <c r="AI232" s="97">
        <v>4.0601703368245944E-2</v>
      </c>
      <c r="AJ232" s="205">
        <v>3.6999999999999998E-2</v>
      </c>
      <c r="AK232" s="97">
        <v>3.7084877213425183E-2</v>
      </c>
      <c r="AL232" s="201">
        <v>135</v>
      </c>
      <c r="AM232" s="205">
        <v>0.59899999999999998</v>
      </c>
      <c r="AN232" s="97">
        <v>8.3235813055369895E-2</v>
      </c>
      <c r="AO232" s="205">
        <v>0.20599999999999999</v>
      </c>
      <c r="AP232" s="97">
        <v>6.9627406104488157E-2</v>
      </c>
      <c r="AQ232" s="205">
        <v>0.16499999999999998</v>
      </c>
      <c r="AR232" s="97">
        <v>6.4404534818993678E-2</v>
      </c>
      <c r="AS232" s="205">
        <v>0.03</v>
      </c>
      <c r="AT232" s="97">
        <v>3.4612235776620141E-2</v>
      </c>
    </row>
    <row r="235" spans="1:46" ht="18.75">
      <c r="A235" s="321" t="s">
        <v>16</v>
      </c>
      <c r="B235" s="321"/>
      <c r="C235" s="321"/>
      <c r="D235" s="321"/>
    </row>
    <row r="236" spans="1:46" ht="82.5" customHeight="1">
      <c r="A236" s="387" t="s">
        <v>505</v>
      </c>
      <c r="B236" s="387"/>
      <c r="C236" s="387"/>
      <c r="D236" s="387"/>
    </row>
    <row r="237" spans="1:46" ht="38.25" customHeight="1">
      <c r="A237" s="371" t="s">
        <v>168</v>
      </c>
      <c r="B237" s="371"/>
      <c r="C237" s="371"/>
      <c r="D237" s="371"/>
    </row>
    <row r="238" spans="1:46" ht="40.5" customHeight="1">
      <c r="A238" s="37" t="s">
        <v>85</v>
      </c>
      <c r="B238" s="38" t="s">
        <v>86</v>
      </c>
      <c r="C238" s="39" t="s">
        <v>87</v>
      </c>
      <c r="D238" s="40" t="s">
        <v>88</v>
      </c>
    </row>
    <row r="239" spans="1:46" ht="72">
      <c r="A239" s="41"/>
      <c r="B239" s="42" t="s">
        <v>89</v>
      </c>
      <c r="C239" s="128" t="s">
        <v>169</v>
      </c>
      <c r="D239" s="44" t="s">
        <v>91</v>
      </c>
    </row>
    <row r="240" spans="1:46">
      <c r="A240" s="45" t="s">
        <v>436</v>
      </c>
      <c r="B240" s="206">
        <v>11010</v>
      </c>
      <c r="C240" s="84">
        <v>5.5</v>
      </c>
      <c r="D240" s="85">
        <v>1.9599999999999999E-2</v>
      </c>
    </row>
    <row r="241" spans="1:4">
      <c r="A241" s="49" t="s">
        <v>437</v>
      </c>
      <c r="B241" s="49">
        <v>8885</v>
      </c>
      <c r="C241" s="208">
        <v>5.61</v>
      </c>
      <c r="D241" s="209">
        <v>1.9599999999999999E-2</v>
      </c>
    </row>
    <row r="242" spans="1:4">
      <c r="A242" s="45" t="s">
        <v>438</v>
      </c>
      <c r="B242" s="53">
        <v>1962</v>
      </c>
      <c r="C242" s="84">
        <v>5.36</v>
      </c>
      <c r="D242" s="85">
        <v>5.8799999999999998E-2</v>
      </c>
    </row>
    <row r="243" spans="1:4">
      <c r="A243" s="49" t="s">
        <v>439</v>
      </c>
      <c r="B243" s="49">
        <v>3932</v>
      </c>
      <c r="C243" s="208">
        <v>5.44</v>
      </c>
      <c r="D243" s="209">
        <v>3.9199999999999999E-2</v>
      </c>
    </row>
    <row r="244" spans="1:4">
      <c r="A244" s="45" t="s">
        <v>440</v>
      </c>
      <c r="B244" s="53">
        <v>3302</v>
      </c>
      <c r="C244" s="84">
        <v>5.5</v>
      </c>
      <c r="D244" s="85">
        <v>3.9199999999999999E-2</v>
      </c>
    </row>
    <row r="245" spans="1:4">
      <c r="A245" s="49" t="s">
        <v>455</v>
      </c>
      <c r="B245" s="49">
        <v>578</v>
      </c>
      <c r="C245" s="208">
        <v>5.57</v>
      </c>
      <c r="D245" s="209">
        <v>7.8399999999999997E-2</v>
      </c>
    </row>
    <row r="246" spans="1:4">
      <c r="A246" s="45" t="s">
        <v>441</v>
      </c>
      <c r="B246" s="53">
        <v>117</v>
      </c>
      <c r="C246" s="84">
        <v>5.72</v>
      </c>
      <c r="D246" s="85">
        <v>0.1764</v>
      </c>
    </row>
    <row r="247" spans="1:4">
      <c r="A247" s="49" t="s">
        <v>442</v>
      </c>
      <c r="B247" s="49">
        <v>175</v>
      </c>
      <c r="C247" s="208">
        <v>5.47</v>
      </c>
      <c r="D247" s="209">
        <v>0.15679999999999999</v>
      </c>
    </row>
    <row r="248" spans="1:4">
      <c r="A248" s="45" t="s">
        <v>443</v>
      </c>
      <c r="B248" s="53">
        <v>134</v>
      </c>
      <c r="C248" s="84">
        <v>5.78</v>
      </c>
      <c r="D248" s="85">
        <v>0.15679999999999999</v>
      </c>
    </row>
    <row r="249" spans="1:4">
      <c r="A249" s="49" t="s">
        <v>444</v>
      </c>
      <c r="B249" s="49">
        <v>152</v>
      </c>
      <c r="C249" s="208">
        <v>5.46</v>
      </c>
      <c r="D249" s="209">
        <v>0.15679999999999999</v>
      </c>
    </row>
    <row r="250" spans="1:4">
      <c r="A250" s="45" t="s">
        <v>456</v>
      </c>
      <c r="B250" s="206">
        <v>530</v>
      </c>
      <c r="C250" s="84">
        <v>5.3</v>
      </c>
      <c r="D250" s="85">
        <v>9.8000000000000004E-2</v>
      </c>
    </row>
    <row r="251" spans="1:4" ht="25.5">
      <c r="A251" s="49" t="s">
        <v>445</v>
      </c>
      <c r="B251" s="207">
        <v>174</v>
      </c>
      <c r="C251" s="208">
        <v>5.31</v>
      </c>
      <c r="D251" s="209">
        <v>0.15679999999999999</v>
      </c>
    </row>
    <row r="252" spans="1:4">
      <c r="A252" s="45" t="s">
        <v>446</v>
      </c>
      <c r="B252" s="83">
        <v>122</v>
      </c>
      <c r="C252" s="84">
        <v>5.22</v>
      </c>
      <c r="D252" s="85">
        <v>0.1764</v>
      </c>
    </row>
    <row r="253" spans="1:4">
      <c r="A253" s="49" t="s">
        <v>447</v>
      </c>
      <c r="B253" s="207">
        <v>98</v>
      </c>
      <c r="C253" s="208">
        <v>5.41</v>
      </c>
      <c r="D253" s="209">
        <v>0.23519999999999999</v>
      </c>
    </row>
    <row r="254" spans="1:4" ht="25.5">
      <c r="A254" s="57" t="s">
        <v>448</v>
      </c>
      <c r="B254" s="206">
        <v>136</v>
      </c>
      <c r="C254" s="84">
        <v>5.26</v>
      </c>
      <c r="D254" s="85">
        <v>0.19600000000000001</v>
      </c>
    </row>
    <row r="255" spans="1:4">
      <c r="A255" s="49" t="s">
        <v>457</v>
      </c>
      <c r="B255" s="207">
        <v>752</v>
      </c>
      <c r="C255" s="208">
        <v>5.28</v>
      </c>
      <c r="D255" s="209">
        <v>7.8399999999999997E-2</v>
      </c>
    </row>
    <row r="256" spans="1:4">
      <c r="A256" s="57" t="s">
        <v>449</v>
      </c>
      <c r="B256" s="206">
        <v>134</v>
      </c>
      <c r="C256" s="84">
        <v>5.0199999999999996</v>
      </c>
      <c r="D256" s="85">
        <v>0.19600000000000001</v>
      </c>
    </row>
    <row r="257" spans="1:38">
      <c r="A257" s="49" t="s">
        <v>450</v>
      </c>
      <c r="B257" s="207">
        <v>108</v>
      </c>
      <c r="C257" s="208">
        <v>5.69</v>
      </c>
      <c r="D257" s="209">
        <v>0.19600000000000001</v>
      </c>
    </row>
    <row r="258" spans="1:38" ht="25.5">
      <c r="A258" s="57" t="s">
        <v>451</v>
      </c>
      <c r="B258" s="206">
        <v>190</v>
      </c>
      <c r="C258" s="84">
        <v>5.51</v>
      </c>
      <c r="D258" s="85">
        <v>0.15679999999999999</v>
      </c>
    </row>
    <row r="259" spans="1:38">
      <c r="A259" s="49" t="s">
        <v>452</v>
      </c>
      <c r="B259" s="207">
        <v>85</v>
      </c>
      <c r="C259" s="208">
        <v>5</v>
      </c>
      <c r="D259" s="209">
        <v>0.23519999999999999</v>
      </c>
    </row>
    <row r="260" spans="1:38">
      <c r="A260" s="57" t="s">
        <v>453</v>
      </c>
      <c r="B260" s="206">
        <v>100</v>
      </c>
      <c r="C260" s="84">
        <v>5</v>
      </c>
      <c r="D260" s="85">
        <v>0.23519999999999999</v>
      </c>
    </row>
    <row r="261" spans="1:38">
      <c r="A261" s="49" t="s">
        <v>454</v>
      </c>
      <c r="B261" s="207">
        <v>135</v>
      </c>
      <c r="C261" s="208">
        <v>5.22</v>
      </c>
      <c r="D261" s="209">
        <v>0.19600000000000001</v>
      </c>
    </row>
    <row r="262" spans="1:38">
      <c r="P262" s="257"/>
      <c r="Q262" s="257"/>
      <c r="R262" s="257"/>
      <c r="S262" s="257"/>
      <c r="T262" s="257"/>
      <c r="U262" s="257"/>
      <c r="V262" s="257"/>
      <c r="W262" s="257"/>
      <c r="X262" s="257"/>
      <c r="Y262" s="257"/>
      <c r="Z262" s="257"/>
      <c r="AA262" s="257"/>
      <c r="AB262" s="257"/>
      <c r="AC262" s="257"/>
      <c r="AD262" s="257"/>
      <c r="AE262" s="257"/>
      <c r="AF262" s="257"/>
      <c r="AG262" s="257"/>
      <c r="AH262" s="257"/>
    </row>
    <row r="263" spans="1:38">
      <c r="P263" s="257"/>
      <c r="Q263" s="257"/>
      <c r="R263" s="257"/>
      <c r="S263" s="257"/>
      <c r="T263" s="257"/>
      <c r="U263" s="257"/>
      <c r="V263" s="257"/>
      <c r="W263" s="257"/>
      <c r="X263" s="257"/>
      <c r="Y263" s="257"/>
      <c r="Z263" s="257"/>
      <c r="AA263" s="257"/>
      <c r="AB263" s="257"/>
      <c r="AC263" s="257"/>
      <c r="AD263" s="257"/>
      <c r="AE263" s="257"/>
      <c r="AF263" s="257"/>
      <c r="AG263" s="257"/>
      <c r="AH263" s="257"/>
    </row>
    <row r="264" spans="1:38" ht="18.75">
      <c r="A264" s="321" t="s">
        <v>53</v>
      </c>
      <c r="B264" s="321"/>
      <c r="C264" s="321"/>
      <c r="D264" s="321"/>
      <c r="E264" s="321"/>
      <c r="F264" s="321"/>
      <c r="G264" s="321"/>
      <c r="H264" s="321"/>
      <c r="I264" s="321"/>
      <c r="J264" s="321"/>
      <c r="K264" s="321"/>
      <c r="L264" s="321"/>
      <c r="M264" s="321"/>
      <c r="N264" s="321"/>
      <c r="O264" s="321"/>
      <c r="P264" s="321"/>
      <c r="Q264" s="321"/>
      <c r="R264" s="321"/>
      <c r="S264" s="321"/>
      <c r="T264" s="227"/>
      <c r="U264" s="227"/>
      <c r="V264" s="227"/>
      <c r="W264" s="257"/>
      <c r="X264" s="257"/>
      <c r="Y264" s="257"/>
      <c r="Z264" s="257"/>
      <c r="AA264" s="257"/>
      <c r="AB264" s="257"/>
      <c r="AC264" s="257"/>
      <c r="AD264" s="257"/>
      <c r="AE264" s="257"/>
      <c r="AF264" s="257"/>
      <c r="AG264" s="257"/>
      <c r="AH264" s="257"/>
    </row>
    <row r="265" spans="1:38" ht="44.25" customHeight="1">
      <c r="A265" s="389" t="s">
        <v>506</v>
      </c>
      <c r="B265" s="389"/>
      <c r="C265" s="389"/>
      <c r="D265" s="389"/>
      <c r="E265" s="389"/>
      <c r="F265" s="389"/>
      <c r="G265" s="389"/>
      <c r="H265" s="389"/>
      <c r="I265" s="389"/>
      <c r="J265" s="389"/>
      <c r="K265" s="389"/>
      <c r="L265" s="389"/>
      <c r="M265" s="389"/>
      <c r="N265" s="389"/>
      <c r="O265" s="389"/>
      <c r="P265" s="389"/>
      <c r="Q265" s="389"/>
      <c r="R265" s="389"/>
      <c r="S265" s="389"/>
      <c r="T265" s="258"/>
      <c r="U265" s="258"/>
      <c r="V265" s="258"/>
      <c r="W265" s="257"/>
      <c r="X265" s="257"/>
      <c r="Y265" s="257"/>
      <c r="Z265" s="257"/>
      <c r="AA265" s="257"/>
      <c r="AB265" s="257"/>
      <c r="AC265" s="257"/>
      <c r="AD265" s="257"/>
      <c r="AE265" s="257"/>
      <c r="AF265" s="257"/>
      <c r="AG265" s="257"/>
      <c r="AH265" s="257"/>
    </row>
    <row r="266" spans="1:38" ht="35.25" customHeight="1">
      <c r="A266" s="64"/>
      <c r="B266" s="364" t="s">
        <v>281</v>
      </c>
      <c r="C266" s="365"/>
      <c r="D266" s="365"/>
      <c r="E266" s="365"/>
      <c r="F266" s="365"/>
      <c r="G266" s="365"/>
      <c r="H266" s="365"/>
      <c r="I266" s="365"/>
      <c r="J266" s="366"/>
      <c r="K266" s="364" t="s">
        <v>282</v>
      </c>
      <c r="L266" s="365"/>
      <c r="M266" s="365"/>
      <c r="N266" s="365"/>
      <c r="O266" s="365"/>
      <c r="P266" s="365"/>
      <c r="Q266" s="365"/>
      <c r="R266" s="365"/>
      <c r="S266" s="366"/>
      <c r="T266" s="257"/>
      <c r="U266" s="257"/>
      <c r="V266" s="257"/>
      <c r="W266" s="257"/>
      <c r="X266" s="257"/>
      <c r="Y266" s="257"/>
      <c r="Z266" s="257"/>
      <c r="AA266" s="257"/>
      <c r="AB266" s="257"/>
      <c r="AC266" s="257"/>
      <c r="AD266" s="257"/>
      <c r="AE266" s="257"/>
      <c r="AF266" s="257"/>
      <c r="AG266" s="257"/>
      <c r="AH266" s="257"/>
      <c r="AI266" s="257"/>
      <c r="AJ266" s="257"/>
      <c r="AK266" s="257"/>
      <c r="AL266" s="257"/>
    </row>
    <row r="267" spans="1:38" ht="59.25" customHeight="1">
      <c r="A267" s="37" t="s">
        <v>85</v>
      </c>
      <c r="B267" s="38" t="s">
        <v>86</v>
      </c>
      <c r="C267" s="38" t="s">
        <v>257</v>
      </c>
      <c r="D267" s="89" t="s">
        <v>351</v>
      </c>
      <c r="E267" s="38" t="s">
        <v>352</v>
      </c>
      <c r="F267" s="89" t="s">
        <v>319</v>
      </c>
      <c r="G267" s="38" t="s">
        <v>353</v>
      </c>
      <c r="H267" s="89" t="s">
        <v>320</v>
      </c>
      <c r="I267" s="38" t="s">
        <v>357</v>
      </c>
      <c r="J267" s="89" t="s">
        <v>371</v>
      </c>
      <c r="K267" s="65" t="s">
        <v>86</v>
      </c>
      <c r="L267" s="65" t="s">
        <v>257</v>
      </c>
      <c r="M267" s="88" t="s">
        <v>351</v>
      </c>
      <c r="N267" s="65" t="s">
        <v>352</v>
      </c>
      <c r="O267" s="88" t="s">
        <v>319</v>
      </c>
      <c r="P267" s="65" t="s">
        <v>353</v>
      </c>
      <c r="Q267" s="260" t="s">
        <v>320</v>
      </c>
      <c r="R267" s="65" t="s">
        <v>357</v>
      </c>
      <c r="S267" s="88" t="s">
        <v>371</v>
      </c>
      <c r="T267" s="257"/>
      <c r="U267" s="257"/>
      <c r="V267" s="257"/>
      <c r="W267" s="257"/>
      <c r="X267" s="257"/>
      <c r="Y267" s="257"/>
      <c r="Z267" s="257"/>
      <c r="AA267" s="257"/>
      <c r="AB267" s="257"/>
      <c r="AC267" s="257"/>
      <c r="AD267" s="257"/>
      <c r="AE267" s="257"/>
      <c r="AF267" s="257"/>
      <c r="AG267" s="257"/>
      <c r="AH267" s="257"/>
      <c r="AI267" s="257"/>
      <c r="AJ267" s="257"/>
      <c r="AK267" s="257"/>
      <c r="AL267" s="257"/>
    </row>
    <row r="268" spans="1:38" ht="72">
      <c r="A268" s="41"/>
      <c r="B268" s="42" t="s">
        <v>89</v>
      </c>
      <c r="C268" s="42" t="s">
        <v>181</v>
      </c>
      <c r="D268" s="91" t="s">
        <v>104</v>
      </c>
      <c r="E268" s="42" t="s">
        <v>182</v>
      </c>
      <c r="F268" s="91" t="s">
        <v>104</v>
      </c>
      <c r="G268" s="42" t="s">
        <v>183</v>
      </c>
      <c r="H268" s="91" t="s">
        <v>104</v>
      </c>
      <c r="I268" s="42" t="s">
        <v>357</v>
      </c>
      <c r="J268" s="91" t="s">
        <v>104</v>
      </c>
      <c r="K268" s="68" t="s">
        <v>89</v>
      </c>
      <c r="L268" s="68" t="s">
        <v>181</v>
      </c>
      <c r="M268" s="90" t="s">
        <v>104</v>
      </c>
      <c r="N268" s="68" t="s">
        <v>182</v>
      </c>
      <c r="O268" s="90" t="s">
        <v>104</v>
      </c>
      <c r="P268" s="68" t="s">
        <v>183</v>
      </c>
      <c r="Q268" s="274" t="s">
        <v>104</v>
      </c>
      <c r="R268" s="68" t="s">
        <v>357</v>
      </c>
      <c r="S268" s="90" t="s">
        <v>104</v>
      </c>
    </row>
    <row r="269" spans="1:38">
      <c r="A269" s="45" t="s">
        <v>436</v>
      </c>
      <c r="B269" s="206">
        <v>10996</v>
      </c>
      <c r="C269" s="210">
        <v>0.08</v>
      </c>
      <c r="D269" s="94">
        <v>5.1778643397893511E-3</v>
      </c>
      <c r="E269" s="210">
        <v>0.114</v>
      </c>
      <c r="F269" s="94">
        <v>6.0636724853184573E-3</v>
      </c>
      <c r="G269" s="210">
        <v>0.79800000000000004</v>
      </c>
      <c r="H269" s="94">
        <v>7.6576894921402067E-3</v>
      </c>
      <c r="I269" s="210">
        <v>8.0000000000000002E-3</v>
      </c>
      <c r="J269" s="94">
        <v>1.7175050125100056E-3</v>
      </c>
      <c r="K269" s="206">
        <v>10971</v>
      </c>
      <c r="L269" s="212">
        <v>7.2999999999999995E-2</v>
      </c>
      <c r="M269" s="94">
        <v>4.9711286993327228E-3</v>
      </c>
      <c r="N269" s="210">
        <v>0.13200000000000001</v>
      </c>
      <c r="O269" s="94">
        <v>6.4648958237158291E-3</v>
      </c>
      <c r="P269" s="210">
        <v>0.78800000000000003</v>
      </c>
      <c r="Q269" s="275">
        <v>7.8043606594874375E-3</v>
      </c>
      <c r="R269" s="210">
        <v>8.0000000000000002E-3</v>
      </c>
      <c r="S269" s="94">
        <v>1.7195025405736641E-3</v>
      </c>
    </row>
    <row r="270" spans="1:38">
      <c r="A270" s="49" t="s">
        <v>437</v>
      </c>
      <c r="B270" s="207">
        <v>8848</v>
      </c>
      <c r="C270" s="211">
        <v>0.08</v>
      </c>
      <c r="D270" s="97">
        <v>5.77321775012638E-3</v>
      </c>
      <c r="E270" s="211">
        <v>0.09</v>
      </c>
      <c r="F270" s="97">
        <v>6.0891066032065476E-3</v>
      </c>
      <c r="G270" s="211">
        <v>0.82599999999999996</v>
      </c>
      <c r="H270" s="97">
        <v>8.0615578238856928E-3</v>
      </c>
      <c r="I270" s="211">
        <v>4.0000000000000001E-3</v>
      </c>
      <c r="J270" s="97">
        <v>1.3786649574526128E-3</v>
      </c>
      <c r="K270" s="207">
        <v>8824</v>
      </c>
      <c r="L270" s="211">
        <v>6.8000000000000005E-2</v>
      </c>
      <c r="M270" s="97">
        <v>5.3658657756638396E-3</v>
      </c>
      <c r="N270" s="211">
        <v>0.12</v>
      </c>
      <c r="O270" s="97">
        <v>6.9214908231813605E-3</v>
      </c>
      <c r="P270" s="211">
        <v>0.80900000000000005</v>
      </c>
      <c r="Q270" s="276">
        <v>8.3697273672447038E-3</v>
      </c>
      <c r="R270" s="211">
        <v>3.0000000000000001E-3</v>
      </c>
      <c r="S270" s="97">
        <v>1.2069108323037394E-3</v>
      </c>
    </row>
    <row r="271" spans="1:38">
      <c r="A271" s="45" t="s">
        <v>438</v>
      </c>
      <c r="B271" s="206">
        <v>1983</v>
      </c>
      <c r="C271" s="210">
        <v>8.2600000000000007E-2</v>
      </c>
      <c r="D271" s="94">
        <v>1.2407928405831475E-2</v>
      </c>
      <c r="E271" s="210">
        <v>0.16009999999999999</v>
      </c>
      <c r="F271" s="94">
        <v>1.64812301671046E-2</v>
      </c>
      <c r="G271" s="210">
        <v>0.74270000000000003</v>
      </c>
      <c r="H271" s="94">
        <v>1.9625770367670839E-2</v>
      </c>
      <c r="I271" s="210">
        <v>1.4500000000000001E-2</v>
      </c>
      <c r="J271" s="94">
        <v>5.5385012559716019E-3</v>
      </c>
      <c r="K271" s="206">
        <v>1984</v>
      </c>
      <c r="L271" s="212">
        <v>6.2300000000000001E-2</v>
      </c>
      <c r="M271" s="94">
        <v>1.0912942979242916E-2</v>
      </c>
      <c r="N271" s="210">
        <v>0.1482</v>
      </c>
      <c r="O271" s="94">
        <v>1.5968675332372655E-2</v>
      </c>
      <c r="P271" s="210">
        <v>0.77449999999999997</v>
      </c>
      <c r="Q271" s="275">
        <v>1.8762127681943033E-2</v>
      </c>
      <c r="R271" s="210">
        <v>1.4999999999999999E-2</v>
      </c>
      <c r="S271" s="94">
        <v>5.624147989777231E-3</v>
      </c>
    </row>
    <row r="272" spans="1:38">
      <c r="A272" s="49" t="s">
        <v>439</v>
      </c>
      <c r="B272" s="207">
        <v>3921</v>
      </c>
      <c r="C272" s="211">
        <v>7.8E-2</v>
      </c>
      <c r="D272" s="97">
        <v>8.5825352988559093E-3</v>
      </c>
      <c r="E272" s="211">
        <v>0.11</v>
      </c>
      <c r="F272" s="97">
        <v>1.0004322875603131E-2</v>
      </c>
      <c r="G272" s="211">
        <v>0.8</v>
      </c>
      <c r="H272" s="97">
        <v>1.2776704359339136E-2</v>
      </c>
      <c r="I272" s="211">
        <v>1.2E-2</v>
      </c>
      <c r="J272" s="97">
        <v>3.5464009512598559E-3</v>
      </c>
      <c r="K272" s="207">
        <v>3907</v>
      </c>
      <c r="L272" s="211">
        <v>6.8000000000000005E-2</v>
      </c>
      <c r="M272" s="97">
        <v>8.0751739424357264E-3</v>
      </c>
      <c r="N272" s="211">
        <v>0.13</v>
      </c>
      <c r="O272" s="97">
        <v>1.07684723811594E-2</v>
      </c>
      <c r="P272" s="211">
        <v>0.78900000000000003</v>
      </c>
      <c r="Q272" s="276">
        <v>1.3055347274361731E-2</v>
      </c>
      <c r="R272" s="211">
        <v>1.2999999999999999E-2</v>
      </c>
      <c r="S272" s="97">
        <v>3.6903800259070201E-3</v>
      </c>
    </row>
    <row r="273" spans="1:19">
      <c r="A273" s="45" t="s">
        <v>440</v>
      </c>
      <c r="B273" s="206">
        <v>3282</v>
      </c>
      <c r="C273" s="210">
        <v>7.3999999999999996E-2</v>
      </c>
      <c r="D273" s="94">
        <v>9.1624645971727665E-3</v>
      </c>
      <c r="E273" s="210">
        <v>9.0999999999999998E-2</v>
      </c>
      <c r="F273" s="94">
        <v>1.0059228711291951E-2</v>
      </c>
      <c r="G273" s="210">
        <v>0.83199999999999996</v>
      </c>
      <c r="H273" s="94">
        <v>1.3056559616323129E-2</v>
      </c>
      <c r="I273" s="210">
        <v>2E-3</v>
      </c>
      <c r="J273" s="94">
        <v>1.7788285704966036E-3</v>
      </c>
      <c r="K273" s="206">
        <v>3270</v>
      </c>
      <c r="L273" s="212">
        <v>5.6000000000000001E-2</v>
      </c>
      <c r="M273" s="94">
        <v>8.0730784398734268E-3</v>
      </c>
      <c r="N273" s="210">
        <v>0.11799999999999999</v>
      </c>
      <c r="O273" s="94">
        <v>1.1295570657156936E-2</v>
      </c>
      <c r="P273" s="210">
        <v>0.82399999999999995</v>
      </c>
      <c r="Q273" s="275">
        <v>1.332275677016059E-2</v>
      </c>
      <c r="R273" s="210">
        <v>2E-3</v>
      </c>
      <c r="S273" s="94">
        <v>1.7828430095934769E-3</v>
      </c>
    </row>
    <row r="274" spans="1:19">
      <c r="A274" s="49" t="s">
        <v>455</v>
      </c>
      <c r="B274" s="207">
        <v>577</v>
      </c>
      <c r="C274" s="211">
        <v>6.6000000000000003E-2</v>
      </c>
      <c r="D274" s="97">
        <v>2.1028398847527302E-2</v>
      </c>
      <c r="E274" s="211">
        <v>6.9000000000000006E-2</v>
      </c>
      <c r="F274" s="97">
        <v>2.1443277586072469E-2</v>
      </c>
      <c r="G274" s="211">
        <v>0.86</v>
      </c>
      <c r="H274" s="97">
        <v>2.9002743840366763E-2</v>
      </c>
      <c r="I274" s="211">
        <v>4.0000000000000001E-3</v>
      </c>
      <c r="J274" s="97">
        <v>7.118288861921662E-3</v>
      </c>
      <c r="K274" s="207">
        <v>573</v>
      </c>
      <c r="L274" s="211">
        <v>5.1999999999999998E-2</v>
      </c>
      <c r="M274" s="97">
        <v>1.8999056611580793E-2</v>
      </c>
      <c r="N274" s="211">
        <v>0.14299999999999999</v>
      </c>
      <c r="O274" s="97">
        <v>2.9356109401169977E-2</v>
      </c>
      <c r="P274" s="211">
        <v>0.80500000000000005</v>
      </c>
      <c r="Q274" s="276">
        <v>3.31228796789199E-2</v>
      </c>
      <c r="R274" s="211">
        <v>0</v>
      </c>
      <c r="S274" s="97">
        <v>4.8934504612697487E-3</v>
      </c>
    </row>
    <row r="275" spans="1:19">
      <c r="A275" s="45" t="s">
        <v>441</v>
      </c>
      <c r="B275" s="206">
        <v>116</v>
      </c>
      <c r="C275" s="210">
        <v>0.124</v>
      </c>
      <c r="D275" s="94">
        <v>6.2687580434570456E-2</v>
      </c>
      <c r="E275" s="210">
        <v>2.5999999999999999E-2</v>
      </c>
      <c r="F275" s="94">
        <v>3.6538910766469215E-2</v>
      </c>
      <c r="G275" s="210">
        <v>0.85</v>
      </c>
      <c r="H275" s="94">
        <v>6.7213727654290872E-2</v>
      </c>
      <c r="I275" s="210">
        <v>0</v>
      </c>
      <c r="J275" s="94">
        <v>2.3372982186625143E-2</v>
      </c>
      <c r="K275" s="206">
        <v>116</v>
      </c>
      <c r="L275" s="212">
        <v>2.4E-2</v>
      </c>
      <c r="M275" s="94">
        <v>3.5719889676740585E-2</v>
      </c>
      <c r="N275" s="210">
        <v>0.14000000000000001</v>
      </c>
      <c r="O275" s="94">
        <v>6.5547946827748421E-2</v>
      </c>
      <c r="P275" s="210">
        <v>0.83599999999999997</v>
      </c>
      <c r="Q275" s="275">
        <v>6.9403400493059417E-2</v>
      </c>
      <c r="R275" s="210">
        <v>0</v>
      </c>
      <c r="S275" s="94">
        <v>2.3372982186625143E-2</v>
      </c>
    </row>
    <row r="276" spans="1:19">
      <c r="A276" s="49" t="s">
        <v>442</v>
      </c>
      <c r="B276" s="207">
        <v>175</v>
      </c>
      <c r="C276" s="211">
        <v>4.4999999999999998E-2</v>
      </c>
      <c r="D276" s="97">
        <v>3.412894835149545E-2</v>
      </c>
      <c r="E276" s="211">
        <v>8.4000000000000005E-2</v>
      </c>
      <c r="F276" s="97">
        <v>4.3477838467251458E-2</v>
      </c>
      <c r="G276" s="211">
        <v>0.86499999999999999</v>
      </c>
      <c r="H276" s="97">
        <v>5.2355182053643298E-2</v>
      </c>
      <c r="I276" s="211">
        <v>6.0000000000000001E-3</v>
      </c>
      <c r="J276" s="97">
        <v>1.9346170210997819E-2</v>
      </c>
      <c r="K276" s="207">
        <v>172</v>
      </c>
      <c r="L276" s="211">
        <v>0.111</v>
      </c>
      <c r="M276" s="97">
        <v>4.896173496609682E-2</v>
      </c>
      <c r="N276" s="211">
        <v>0.16500000000000001</v>
      </c>
      <c r="O276" s="97">
        <v>5.6972515085018827E-2</v>
      </c>
      <c r="P276" s="211">
        <v>0.72499999999999998</v>
      </c>
      <c r="Q276" s="276">
        <v>6.7697520279344073E-2</v>
      </c>
      <c r="R276" s="211">
        <v>0</v>
      </c>
      <c r="S276" s="97">
        <v>1.5979037498200434E-2</v>
      </c>
    </row>
    <row r="277" spans="1:19">
      <c r="A277" s="45" t="s">
        <v>443</v>
      </c>
      <c r="B277" s="206">
        <v>134</v>
      </c>
      <c r="C277" s="210">
        <v>0.02</v>
      </c>
      <c r="D277" s="94">
        <v>3.0816403010434562E-2</v>
      </c>
      <c r="E277" s="210">
        <v>7.8E-2</v>
      </c>
      <c r="F277" s="94">
        <v>4.8779328942660009E-2</v>
      </c>
      <c r="G277" s="210">
        <v>0.89100000000000001</v>
      </c>
      <c r="H277" s="94">
        <v>5.539141936956081E-2</v>
      </c>
      <c r="I277" s="210">
        <v>0.01</v>
      </c>
      <c r="J277" s="94">
        <v>2.6163985786677234E-2</v>
      </c>
      <c r="K277" s="206">
        <v>133</v>
      </c>
      <c r="L277" s="212">
        <v>3.3000000000000002E-2</v>
      </c>
      <c r="M277" s="94">
        <v>3.6029270285344889E-2</v>
      </c>
      <c r="N277" s="210">
        <v>0.11600000000000001</v>
      </c>
      <c r="O277" s="94">
        <v>5.6936093667093658E-2</v>
      </c>
      <c r="P277" s="210">
        <v>0.85099999999999998</v>
      </c>
      <c r="Q277" s="275">
        <v>6.2523150488154544E-2</v>
      </c>
      <c r="R277" s="210">
        <v>0</v>
      </c>
      <c r="S277" s="94">
        <v>2.0494202685054641E-2</v>
      </c>
    </row>
    <row r="278" spans="1:19">
      <c r="A278" s="49" t="s">
        <v>444</v>
      </c>
      <c r="B278" s="207">
        <v>152</v>
      </c>
      <c r="C278" s="211">
        <v>8.3000000000000004E-2</v>
      </c>
      <c r="D278" s="97">
        <v>4.6661371266846663E-2</v>
      </c>
      <c r="E278" s="211">
        <v>7.2999999999999995E-2</v>
      </c>
      <c r="F278" s="97">
        <v>4.440528113183205E-2</v>
      </c>
      <c r="G278" s="211">
        <v>0.84399999999999997</v>
      </c>
      <c r="H278" s="97">
        <v>5.9410503986678825E-2</v>
      </c>
      <c r="I278" s="211">
        <v>0</v>
      </c>
      <c r="J278" s="97">
        <v>1.8014344193057537E-2</v>
      </c>
      <c r="K278" s="207">
        <v>152</v>
      </c>
      <c r="L278" s="211">
        <v>2.1999999999999999E-2</v>
      </c>
      <c r="M278" s="97">
        <v>2.9125241767569122E-2</v>
      </c>
      <c r="N278" s="211">
        <v>0.13900000000000001</v>
      </c>
      <c r="O278" s="97">
        <v>5.690217585725145E-2</v>
      </c>
      <c r="P278" s="211">
        <v>0.84</v>
      </c>
      <c r="Q278" s="276">
        <v>5.9968411021726051E-2</v>
      </c>
      <c r="R278" s="211">
        <v>0</v>
      </c>
      <c r="S278" s="97">
        <v>1.8014344193057537E-2</v>
      </c>
    </row>
    <row r="279" spans="1:19">
      <c r="A279" s="45" t="s">
        <v>456</v>
      </c>
      <c r="B279" s="206">
        <v>526</v>
      </c>
      <c r="C279" s="210">
        <v>0.115</v>
      </c>
      <c r="D279" s="94">
        <v>2.8016695242111259E-2</v>
      </c>
      <c r="E279" s="210">
        <v>8.8999999999999996E-2</v>
      </c>
      <c r="F279" s="94">
        <v>2.5121460305126783E-2</v>
      </c>
      <c r="G279" s="210">
        <v>0.78300000000000003</v>
      </c>
      <c r="H279" s="94">
        <v>3.5936561370433127E-2</v>
      </c>
      <c r="I279" s="210">
        <v>1.2999999999999999E-2</v>
      </c>
      <c r="J279" s="94">
        <v>1.1124475935677213E-2</v>
      </c>
      <c r="K279" s="206">
        <v>524</v>
      </c>
      <c r="L279" s="212">
        <v>7.9000000000000001E-2</v>
      </c>
      <c r="M279" s="94">
        <v>2.3905479507412331E-2</v>
      </c>
      <c r="N279" s="210">
        <v>0.154</v>
      </c>
      <c r="O279" s="94">
        <v>3.1633675961067281E-2</v>
      </c>
      <c r="P279" s="210">
        <v>0.754</v>
      </c>
      <c r="Q279" s="275">
        <v>3.7584028325490494E-2</v>
      </c>
      <c r="R279" s="210">
        <v>1.2999999999999999E-2</v>
      </c>
      <c r="S279" s="94">
        <v>1.1150097862503561E-2</v>
      </c>
    </row>
    <row r="280" spans="1:19" ht="25.5">
      <c r="A280" s="49" t="s">
        <v>445</v>
      </c>
      <c r="B280" s="207">
        <v>173</v>
      </c>
      <c r="C280" s="211">
        <v>0.105</v>
      </c>
      <c r="D280" s="97">
        <v>4.7762901718593313E-2</v>
      </c>
      <c r="E280" s="211">
        <v>8.8999999999999996E-2</v>
      </c>
      <c r="F280" s="97">
        <v>4.4753582186537993E-2</v>
      </c>
      <c r="G280" s="211">
        <v>0.80600000000000005</v>
      </c>
      <c r="H280" s="97">
        <v>6.0234628787194849E-2</v>
      </c>
      <c r="I280" s="211">
        <v>0</v>
      </c>
      <c r="J280" s="97">
        <v>1.5889276344158629E-2</v>
      </c>
      <c r="K280" s="207">
        <v>171</v>
      </c>
      <c r="L280" s="211">
        <v>5.3999999999999999E-2</v>
      </c>
      <c r="M280" s="97">
        <v>3.7055442444583607E-2</v>
      </c>
      <c r="N280" s="211">
        <v>0.11799999999999999</v>
      </c>
      <c r="O280" s="97">
        <v>5.0295259324154649E-2</v>
      </c>
      <c r="P280" s="211">
        <v>0.82799999999999996</v>
      </c>
      <c r="Q280" s="276">
        <v>5.8020275975758748E-2</v>
      </c>
      <c r="R280" s="211">
        <v>0</v>
      </c>
      <c r="S280" s="97">
        <v>1.6069818513455389E-2</v>
      </c>
    </row>
    <row r="281" spans="1:19">
      <c r="A281" s="45" t="s">
        <v>446</v>
      </c>
      <c r="B281" s="206">
        <v>123</v>
      </c>
      <c r="C281" s="210">
        <v>0.128</v>
      </c>
      <c r="D281" s="94">
        <v>6.1528004035714561E-2</v>
      </c>
      <c r="E281" s="210">
        <v>5.0999999999999997E-2</v>
      </c>
      <c r="F281" s="94">
        <v>4.3795619454685804E-2</v>
      </c>
      <c r="G281" s="210">
        <v>0.78</v>
      </c>
      <c r="H281" s="94">
        <v>7.4550793279707511E-2</v>
      </c>
      <c r="I281" s="210">
        <v>4.1000000000000002E-2</v>
      </c>
      <c r="J281" s="94">
        <v>4.0617768162902732E-2</v>
      </c>
      <c r="K281" s="206">
        <v>122</v>
      </c>
      <c r="L281" s="212">
        <v>8.4000000000000005E-2</v>
      </c>
      <c r="M281" s="94">
        <v>5.2782054093185427E-2</v>
      </c>
      <c r="N281" s="210">
        <v>0.19700000000000001</v>
      </c>
      <c r="O281" s="94">
        <v>7.2139110934018633E-2</v>
      </c>
      <c r="P281" s="210">
        <v>0.67700000000000005</v>
      </c>
      <c r="Q281" s="275">
        <v>8.3690391089219995E-2</v>
      </c>
      <c r="R281" s="210">
        <v>4.1000000000000002E-2</v>
      </c>
      <c r="S281" s="94">
        <v>4.0818314010568478E-2</v>
      </c>
    </row>
    <row r="282" spans="1:19">
      <c r="A282" s="49" t="s">
        <v>447</v>
      </c>
      <c r="B282" s="207">
        <v>97</v>
      </c>
      <c r="C282" s="211">
        <v>8.3000000000000004E-2</v>
      </c>
      <c r="D282" s="97">
        <v>5.9573283206829246E-2</v>
      </c>
      <c r="E282" s="211">
        <v>9.7000000000000003E-2</v>
      </c>
      <c r="F282" s="97">
        <v>6.2994686233920474E-2</v>
      </c>
      <c r="G282" s="211">
        <v>0.82099999999999995</v>
      </c>
      <c r="H282" s="97">
        <v>7.8338955389283177E-2</v>
      </c>
      <c r="I282" s="211">
        <v>0</v>
      </c>
      <c r="J282" s="97">
        <v>2.7725572981612018E-2</v>
      </c>
      <c r="K282" s="207">
        <v>97</v>
      </c>
      <c r="L282" s="211">
        <v>7.4999999999999997E-2</v>
      </c>
      <c r="M282" s="97">
        <v>5.7471000051525147E-2</v>
      </c>
      <c r="N282" s="211">
        <v>0.20399999999999999</v>
      </c>
      <c r="O282" s="97">
        <v>8.1856299538815708E-2</v>
      </c>
      <c r="P282" s="211">
        <v>0.72099999999999997</v>
      </c>
      <c r="Q282" s="276">
        <v>9.0093678031510305E-2</v>
      </c>
      <c r="R282" s="211">
        <v>0</v>
      </c>
      <c r="S282" s="97">
        <v>2.7725572981612018E-2</v>
      </c>
    </row>
    <row r="283" spans="1:19" ht="25.5">
      <c r="A283" s="57" t="s">
        <v>448</v>
      </c>
      <c r="B283" s="206">
        <v>133</v>
      </c>
      <c r="C283" s="210">
        <v>0.152</v>
      </c>
      <c r="D283" s="94">
        <v>6.2982914832498502E-2</v>
      </c>
      <c r="E283" s="210">
        <v>0.14599999999999999</v>
      </c>
      <c r="F283" s="94">
        <v>6.2055989449645958E-2</v>
      </c>
      <c r="G283" s="210">
        <v>0.70299999999999996</v>
      </c>
      <c r="H283" s="94">
        <v>7.8519556455232009E-2</v>
      </c>
      <c r="I283" s="210">
        <v>0</v>
      </c>
      <c r="J283" s="94">
        <v>2.0494202685054641E-2</v>
      </c>
      <c r="K283" s="206">
        <v>134</v>
      </c>
      <c r="L283" s="212">
        <v>0.12</v>
      </c>
      <c r="M283" s="94">
        <v>5.7445549629503663E-2</v>
      </c>
      <c r="N283" s="210">
        <v>7.4999999999999997E-2</v>
      </c>
      <c r="O283" s="94">
        <v>4.8062236421553592E-2</v>
      </c>
      <c r="P283" s="210">
        <v>0.80600000000000005</v>
      </c>
      <c r="Q283" s="275">
        <v>6.8464209358390357E-2</v>
      </c>
      <c r="R283" s="210">
        <v>0</v>
      </c>
      <c r="S283" s="94">
        <v>2.034678603371113E-2</v>
      </c>
    </row>
    <row r="284" spans="1:19">
      <c r="A284" s="49" t="s">
        <v>457</v>
      </c>
      <c r="B284" s="207">
        <v>747</v>
      </c>
      <c r="C284" s="211">
        <v>9.2999999999999999E-2</v>
      </c>
      <c r="D284" s="97">
        <v>2.141603250410401E-2</v>
      </c>
      <c r="E284" s="211">
        <v>0.14599999999999999</v>
      </c>
      <c r="F284" s="97">
        <v>2.5907277976726265E-2</v>
      </c>
      <c r="G284" s="211">
        <v>0.75700000000000001</v>
      </c>
      <c r="H284" s="97">
        <v>3.1360853308687597E-2</v>
      </c>
      <c r="I284" s="211">
        <v>4.0000000000000001E-3</v>
      </c>
      <c r="J284" s="97">
        <v>5.9279730320695497E-3</v>
      </c>
      <c r="K284" s="207">
        <v>744</v>
      </c>
      <c r="L284" s="211">
        <v>9.1999999999999998E-2</v>
      </c>
      <c r="M284" s="97">
        <v>2.1359114737832131E-2</v>
      </c>
      <c r="N284" s="211">
        <v>0.13100000000000001</v>
      </c>
      <c r="O284" s="97">
        <v>2.4830050537898808E-2</v>
      </c>
      <c r="P284" s="211">
        <v>0.77400000000000002</v>
      </c>
      <c r="Q284" s="276">
        <v>3.0654605514660652E-2</v>
      </c>
      <c r="R284" s="211">
        <v>2E-3</v>
      </c>
      <c r="S284" s="97">
        <v>4.9819766537096809E-3</v>
      </c>
    </row>
    <row r="285" spans="1:19">
      <c r="A285" s="57" t="s">
        <v>449</v>
      </c>
      <c r="B285" s="206">
        <v>133</v>
      </c>
      <c r="C285" s="210">
        <v>9.8000000000000004E-2</v>
      </c>
      <c r="D285" s="94">
        <v>5.3407937693302765E-2</v>
      </c>
      <c r="E285" s="210">
        <v>0.23699999999999999</v>
      </c>
      <c r="F285" s="94">
        <v>7.3457093336735252E-2</v>
      </c>
      <c r="G285" s="210">
        <v>0.66500000000000004</v>
      </c>
      <c r="H285" s="94">
        <v>8.0932804883262877E-2</v>
      </c>
      <c r="I285" s="210">
        <v>0</v>
      </c>
      <c r="J285" s="94">
        <v>2.0494202685054641E-2</v>
      </c>
      <c r="K285" s="206">
        <v>131</v>
      </c>
      <c r="L285" s="212">
        <v>0.159</v>
      </c>
      <c r="M285" s="94">
        <v>6.4522781758451039E-2</v>
      </c>
      <c r="N285" s="210">
        <v>0.17699999999999999</v>
      </c>
      <c r="O285" s="94">
        <v>6.705704973467011E-2</v>
      </c>
      <c r="P285" s="210">
        <v>0.66400000000000003</v>
      </c>
      <c r="Q285" s="275">
        <v>8.1590526798785645E-2</v>
      </c>
      <c r="R285" s="210">
        <v>0</v>
      </c>
      <c r="S285" s="94">
        <v>2.07955380376675E-2</v>
      </c>
    </row>
    <row r="286" spans="1:19">
      <c r="A286" s="49" t="s">
        <v>450</v>
      </c>
      <c r="B286" s="207">
        <v>108</v>
      </c>
      <c r="C286" s="211">
        <v>0.04</v>
      </c>
      <c r="D286" s="97">
        <v>4.3607170017875847E-2</v>
      </c>
      <c r="E286" s="211">
        <v>0.14499999999999999</v>
      </c>
      <c r="F286" s="97">
        <v>6.8872563358717692E-2</v>
      </c>
      <c r="G286" s="211">
        <v>0.81499999999999995</v>
      </c>
      <c r="H286" s="97">
        <v>7.5056154572997649E-2</v>
      </c>
      <c r="I286" s="211">
        <v>0</v>
      </c>
      <c r="J286" s="97">
        <v>2.5027317436669111E-2</v>
      </c>
      <c r="K286" s="207">
        <v>107</v>
      </c>
      <c r="L286" s="211">
        <v>2.8000000000000001E-2</v>
      </c>
      <c r="M286" s="97">
        <v>3.9356626840845801E-2</v>
      </c>
      <c r="N286" s="211">
        <v>4.1000000000000002E-2</v>
      </c>
      <c r="O286" s="97">
        <v>4.4206569457916366E-2</v>
      </c>
      <c r="P286" s="211">
        <v>0.93100000000000005</v>
      </c>
      <c r="Q286" s="276">
        <v>5.2807981825186194E-2</v>
      </c>
      <c r="R286" s="211">
        <v>0</v>
      </c>
      <c r="S286" s="97">
        <v>2.5250720474759302E-2</v>
      </c>
    </row>
    <row r="287" spans="1:19" ht="25.5">
      <c r="A287" s="57" t="s">
        <v>451</v>
      </c>
      <c r="B287" s="206">
        <v>190</v>
      </c>
      <c r="C287" s="210">
        <v>5.5E-2</v>
      </c>
      <c r="D287" s="94">
        <v>3.5189265592332854E-2</v>
      </c>
      <c r="E287" s="210">
        <v>7.0000000000000007E-2</v>
      </c>
      <c r="F287" s="94">
        <v>3.8702176788895863E-2</v>
      </c>
      <c r="G287" s="210">
        <v>0.875</v>
      </c>
      <c r="H287" s="94">
        <v>4.8718460246404485E-2</v>
      </c>
      <c r="I287" s="210">
        <v>0</v>
      </c>
      <c r="J287" s="94">
        <v>1.4504174394075444E-2</v>
      </c>
      <c r="K287" s="206">
        <v>189</v>
      </c>
      <c r="L287" s="212">
        <v>7.0999999999999994E-2</v>
      </c>
      <c r="M287" s="94">
        <v>3.9031962244067214E-2</v>
      </c>
      <c r="N287" s="210">
        <v>0.156</v>
      </c>
      <c r="O287" s="94">
        <v>5.3192053814701219E-2</v>
      </c>
      <c r="P287" s="210">
        <v>0.76400000000000001</v>
      </c>
      <c r="Q287" s="275">
        <v>6.1612699052249989E-2</v>
      </c>
      <c r="R287" s="210">
        <v>8.9999999999999993E-3</v>
      </c>
      <c r="S287" s="94">
        <v>1.9743663228563024E-2</v>
      </c>
    </row>
    <row r="288" spans="1:19">
      <c r="A288" s="49" t="s">
        <v>452</v>
      </c>
      <c r="B288" s="207">
        <v>85</v>
      </c>
      <c r="C288" s="211">
        <v>0.17299999999999999</v>
      </c>
      <c r="D288" s="97">
        <v>8.2779415721591434E-2</v>
      </c>
      <c r="E288" s="211">
        <v>0.23400000000000001</v>
      </c>
      <c r="F288" s="97">
        <v>9.1298046675236472E-2</v>
      </c>
      <c r="G288" s="211">
        <v>0.59299999999999997</v>
      </c>
      <c r="H288" s="97">
        <v>0.10431390993477728</v>
      </c>
      <c r="I288" s="211">
        <v>0</v>
      </c>
      <c r="J288" s="97">
        <v>3.1420971575578778E-2</v>
      </c>
      <c r="K288" s="207">
        <v>83</v>
      </c>
      <c r="L288" s="211">
        <v>0.04</v>
      </c>
      <c r="M288" s="97">
        <v>5.1376533430428376E-2</v>
      </c>
      <c r="N288" s="211">
        <v>0.29799999999999999</v>
      </c>
      <c r="O288" s="97">
        <v>9.8928009809658879E-2</v>
      </c>
      <c r="P288" s="211">
        <v>0.66300000000000003</v>
      </c>
      <c r="Q288" s="276">
        <v>0.10189423468753549</v>
      </c>
      <c r="R288" s="211">
        <v>0</v>
      </c>
      <c r="S288" s="97">
        <v>3.2134798233390625E-2</v>
      </c>
    </row>
    <row r="289" spans="1:19">
      <c r="A289" s="57" t="s">
        <v>453</v>
      </c>
      <c r="B289" s="206">
        <v>98</v>
      </c>
      <c r="C289" s="210">
        <v>0.14799999999999999</v>
      </c>
      <c r="D289" s="94">
        <v>7.2928493727744598E-2</v>
      </c>
      <c r="E289" s="210">
        <v>0.109</v>
      </c>
      <c r="F289" s="94">
        <v>6.5342102919506317E-2</v>
      </c>
      <c r="G289" s="210">
        <v>0.74299999999999999</v>
      </c>
      <c r="H289" s="94">
        <v>8.7557596601942317E-2</v>
      </c>
      <c r="I289" s="210">
        <v>0</v>
      </c>
      <c r="J289" s="94">
        <v>2.745647223584333E-2</v>
      </c>
      <c r="K289" s="206">
        <v>100</v>
      </c>
      <c r="L289" s="212">
        <v>0.105</v>
      </c>
      <c r="M289" s="94">
        <v>6.3774276482916184E-2</v>
      </c>
      <c r="N289" s="210">
        <v>0.191</v>
      </c>
      <c r="O289" s="94">
        <v>7.886757358061873E-2</v>
      </c>
      <c r="P289" s="210">
        <v>0.70399999999999996</v>
      </c>
      <c r="Q289" s="275">
        <v>9.0197149161637388E-2</v>
      </c>
      <c r="R289" s="210">
        <v>0</v>
      </c>
      <c r="S289" s="94">
        <v>2.693364120714959E-2</v>
      </c>
    </row>
    <row r="290" spans="1:19">
      <c r="A290" s="49" t="s">
        <v>454</v>
      </c>
      <c r="B290" s="207">
        <v>133</v>
      </c>
      <c r="C290" s="211">
        <v>9.8000000000000004E-2</v>
      </c>
      <c r="D290" s="97">
        <v>5.3407937693302765E-2</v>
      </c>
      <c r="E290" s="211">
        <v>0.17199999999999999</v>
      </c>
      <c r="F290" s="97">
        <v>6.5870158788317174E-2</v>
      </c>
      <c r="G290" s="211">
        <v>0.71199999999999997</v>
      </c>
      <c r="H290" s="97">
        <v>7.7862344143049503E-2</v>
      </c>
      <c r="I290" s="211">
        <v>1.7999999999999999E-2</v>
      </c>
      <c r="J290" s="97">
        <v>3.0106533878683006E-2</v>
      </c>
      <c r="K290" s="207">
        <v>134</v>
      </c>
      <c r="L290" s="211">
        <v>0.127</v>
      </c>
      <c r="M290" s="97">
        <v>5.8685987934842906E-2</v>
      </c>
      <c r="N290" s="211">
        <v>3.6999999999999998E-2</v>
      </c>
      <c r="O290" s="97">
        <v>3.7252792610426501E-2</v>
      </c>
      <c r="P290" s="211">
        <v>0.83599999999999997</v>
      </c>
      <c r="Q290" s="276">
        <v>6.4505666527978678E-2</v>
      </c>
      <c r="R290" s="211">
        <v>0</v>
      </c>
      <c r="S290" s="97">
        <v>2.034678603371113E-2</v>
      </c>
    </row>
  </sheetData>
  <mergeCells count="39">
    <mergeCell ref="K266:S266"/>
    <mergeCell ref="B266:J266"/>
    <mergeCell ref="A265:S265"/>
    <mergeCell ref="A264:S264"/>
    <mergeCell ref="A235:D235"/>
    <mergeCell ref="A236:D236"/>
    <mergeCell ref="A237:D237"/>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8"/>
  <sheetViews>
    <sheetView topLeftCell="A17" zoomScaleNormal="100" workbookViewId="0">
      <selection activeCell="A33" sqref="A33:AK33"/>
    </sheetView>
  </sheetViews>
  <sheetFormatPr defaultColWidth="21.28515625" defaultRowHeight="15"/>
  <cols>
    <col min="1" max="1" width="44.7109375" customWidth="1"/>
  </cols>
  <sheetData>
    <row r="1" spans="1:4" ht="31.5">
      <c r="A1" s="33" t="s">
        <v>54</v>
      </c>
    </row>
    <row r="3" spans="1:4" ht="18.75">
      <c r="A3" s="386" t="s">
        <v>434</v>
      </c>
      <c r="B3" s="386"/>
      <c r="C3" s="386"/>
      <c r="D3" s="386"/>
    </row>
    <row r="4" spans="1:4" ht="101.25" customHeight="1">
      <c r="A4" s="387" t="s">
        <v>507</v>
      </c>
      <c r="B4" s="387"/>
      <c r="C4" s="387"/>
      <c r="D4" s="387"/>
    </row>
    <row r="5" spans="1:4" ht="36.75" customHeight="1">
      <c r="A5" s="371" t="s">
        <v>170</v>
      </c>
      <c r="B5" s="371"/>
      <c r="C5" s="371"/>
      <c r="D5" s="371"/>
    </row>
    <row r="6" spans="1:4" ht="72">
      <c r="A6" s="37" t="s">
        <v>85</v>
      </c>
      <c r="B6" s="38" t="s">
        <v>86</v>
      </c>
      <c r="C6" s="39" t="s">
        <v>87</v>
      </c>
      <c r="D6" s="40" t="s">
        <v>88</v>
      </c>
    </row>
    <row r="7" spans="1:4" ht="60">
      <c r="A7" s="41"/>
      <c r="B7" s="42" t="s">
        <v>89</v>
      </c>
      <c r="C7" s="128" t="s">
        <v>171</v>
      </c>
      <c r="D7" s="44" t="s">
        <v>91</v>
      </c>
    </row>
    <row r="8" spans="1:4">
      <c r="A8" s="45" t="s">
        <v>436</v>
      </c>
      <c r="B8" s="213">
        <v>10771</v>
      </c>
      <c r="C8" s="84">
        <v>4.5999999999999996</v>
      </c>
      <c r="D8" s="85">
        <v>1.9599999999999999E-2</v>
      </c>
    </row>
    <row r="9" spans="1:4">
      <c r="A9" s="49" t="s">
        <v>437</v>
      </c>
      <c r="B9" s="49">
        <v>8708</v>
      </c>
      <c r="C9" s="215">
        <v>4.6100000000000003</v>
      </c>
      <c r="D9" s="216">
        <v>1.9599999999999999E-2</v>
      </c>
    </row>
    <row r="10" spans="1:4">
      <c r="A10" s="45" t="s">
        <v>438</v>
      </c>
      <c r="B10" s="53">
        <v>1898</v>
      </c>
      <c r="C10" s="84">
        <v>4.6900000000000004</v>
      </c>
      <c r="D10" s="85">
        <v>5.8799999999999998E-2</v>
      </c>
    </row>
    <row r="11" spans="1:4">
      <c r="A11" s="49" t="s">
        <v>439</v>
      </c>
      <c r="B11" s="49">
        <v>3839</v>
      </c>
      <c r="C11" s="215">
        <v>4.62</v>
      </c>
      <c r="D11" s="216">
        <v>3.9199999999999999E-2</v>
      </c>
    </row>
    <row r="12" spans="1:4">
      <c r="A12" s="45" t="s">
        <v>440</v>
      </c>
      <c r="B12" s="53">
        <v>3232</v>
      </c>
      <c r="C12" s="84">
        <v>4.5999999999999996</v>
      </c>
      <c r="D12" s="85">
        <v>3.9199999999999999E-2</v>
      </c>
    </row>
    <row r="13" spans="1:4">
      <c r="A13" s="49" t="s">
        <v>455</v>
      </c>
      <c r="B13" s="49">
        <v>559</v>
      </c>
      <c r="C13" s="215">
        <v>4.7300000000000004</v>
      </c>
      <c r="D13" s="216">
        <v>9.8000000000000004E-2</v>
      </c>
    </row>
    <row r="14" spans="1:4">
      <c r="A14" s="45" t="s">
        <v>441</v>
      </c>
      <c r="B14" s="53">
        <v>116</v>
      </c>
      <c r="C14" s="84">
        <v>4.83</v>
      </c>
      <c r="D14" s="85">
        <v>0.25480000000000003</v>
      </c>
    </row>
    <row r="15" spans="1:4">
      <c r="A15" s="49" t="s">
        <v>442</v>
      </c>
      <c r="B15" s="49">
        <v>171</v>
      </c>
      <c r="C15" s="215">
        <v>4.59</v>
      </c>
      <c r="D15" s="216">
        <v>0.19600000000000001</v>
      </c>
    </row>
    <row r="16" spans="1:4">
      <c r="A16" s="45" t="s">
        <v>443</v>
      </c>
      <c r="B16" s="53">
        <v>129</v>
      </c>
      <c r="C16" s="84">
        <v>4.87</v>
      </c>
      <c r="D16" s="85">
        <v>0.19600000000000001</v>
      </c>
    </row>
    <row r="17" spans="1:79">
      <c r="A17" s="49" t="s">
        <v>444</v>
      </c>
      <c r="B17" s="49">
        <v>143</v>
      </c>
      <c r="C17" s="215">
        <v>4.7300000000000004</v>
      </c>
      <c r="D17" s="216">
        <v>0.19600000000000001</v>
      </c>
    </row>
    <row r="18" spans="1:79">
      <c r="A18" s="45" t="s">
        <v>456</v>
      </c>
      <c r="B18" s="213">
        <v>522</v>
      </c>
      <c r="C18" s="84">
        <v>4.55</v>
      </c>
      <c r="D18" s="85">
        <v>9.8000000000000004E-2</v>
      </c>
    </row>
    <row r="19" spans="1:79" ht="25.5">
      <c r="A19" s="49" t="s">
        <v>445</v>
      </c>
      <c r="B19" s="214">
        <v>174</v>
      </c>
      <c r="C19" s="215">
        <v>4.4800000000000004</v>
      </c>
      <c r="D19" s="216">
        <v>0.1764</v>
      </c>
    </row>
    <row r="20" spans="1:79">
      <c r="A20" s="45" t="s">
        <v>446</v>
      </c>
      <c r="B20" s="83">
        <v>116</v>
      </c>
      <c r="C20" s="84">
        <v>4.78</v>
      </c>
      <c r="D20" s="85">
        <v>0.19600000000000001</v>
      </c>
    </row>
    <row r="21" spans="1:79">
      <c r="A21" s="49" t="s">
        <v>447</v>
      </c>
      <c r="B21" s="214">
        <v>96</v>
      </c>
      <c r="C21" s="215">
        <v>4.45</v>
      </c>
      <c r="D21" s="216">
        <v>0.27440000000000003</v>
      </c>
    </row>
    <row r="22" spans="1:79">
      <c r="A22" s="57" t="s">
        <v>448</v>
      </c>
      <c r="B22" s="213">
        <v>136</v>
      </c>
      <c r="C22" s="84">
        <v>4.45</v>
      </c>
      <c r="D22" s="85">
        <v>0.21559999999999999</v>
      </c>
    </row>
    <row r="23" spans="1:79">
      <c r="A23" s="49" t="s">
        <v>457</v>
      </c>
      <c r="B23" s="214">
        <v>736</v>
      </c>
      <c r="C23" s="215">
        <v>4.41</v>
      </c>
      <c r="D23" s="216">
        <v>7.8399999999999997E-2</v>
      </c>
    </row>
    <row r="24" spans="1:79">
      <c r="A24" s="57" t="s">
        <v>449</v>
      </c>
      <c r="B24" s="213">
        <v>132</v>
      </c>
      <c r="C24" s="84">
        <v>4.2</v>
      </c>
      <c r="D24" s="85">
        <v>0.19600000000000001</v>
      </c>
    </row>
    <row r="25" spans="1:79">
      <c r="A25" s="49" t="s">
        <v>450</v>
      </c>
      <c r="B25" s="214">
        <v>106</v>
      </c>
      <c r="C25" s="215">
        <v>4.74</v>
      </c>
      <c r="D25" s="216">
        <v>0.21559999999999999</v>
      </c>
    </row>
    <row r="26" spans="1:79" ht="25.5">
      <c r="A26" s="57" t="s">
        <v>451</v>
      </c>
      <c r="B26" s="213">
        <v>184</v>
      </c>
      <c r="C26" s="84">
        <v>4.66</v>
      </c>
      <c r="D26" s="85">
        <v>0.1764</v>
      </c>
    </row>
    <row r="27" spans="1:79">
      <c r="A27" s="49" t="s">
        <v>452</v>
      </c>
      <c r="B27" s="214">
        <v>82</v>
      </c>
      <c r="C27" s="215">
        <v>4.41</v>
      </c>
      <c r="D27" s="216">
        <v>0.23519999999999999</v>
      </c>
    </row>
    <row r="28" spans="1:79">
      <c r="A28" s="57" t="s">
        <v>453</v>
      </c>
      <c r="B28" s="213">
        <v>97</v>
      </c>
      <c r="C28" s="84">
        <v>4.32</v>
      </c>
      <c r="D28" s="85">
        <v>0.21559999999999999</v>
      </c>
    </row>
    <row r="29" spans="1:79">
      <c r="A29" s="49" t="s">
        <v>454</v>
      </c>
      <c r="B29" s="214">
        <v>135</v>
      </c>
      <c r="C29" s="215">
        <v>4.13</v>
      </c>
      <c r="D29" s="216">
        <v>0.1764</v>
      </c>
    </row>
    <row r="30" spans="1:79">
      <c r="W30" s="257"/>
      <c r="X30" s="257"/>
      <c r="Y30" s="257"/>
      <c r="Z30" s="257"/>
      <c r="AA30" s="257"/>
      <c r="AB30" s="257"/>
      <c r="AC30" s="257"/>
      <c r="AD30" s="257"/>
      <c r="AE30" s="257"/>
      <c r="AF30" s="257"/>
      <c r="AG30" s="257"/>
      <c r="AH30" s="257"/>
      <c r="AI30" s="257"/>
      <c r="AJ30" s="257"/>
      <c r="AK30" s="257"/>
      <c r="AL30" s="257"/>
      <c r="AM30" s="257"/>
      <c r="AN30" s="257"/>
      <c r="AO30" s="257"/>
      <c r="AP30" s="257"/>
      <c r="AQ30" s="257"/>
      <c r="AR30" s="257"/>
      <c r="AS30" s="257"/>
      <c r="AT30" s="257"/>
      <c r="AU30" s="257"/>
      <c r="AV30" s="257"/>
      <c r="AW30" s="257"/>
      <c r="AX30" s="257"/>
      <c r="AY30" s="257"/>
      <c r="AZ30" s="257"/>
      <c r="BA30" s="257"/>
      <c r="BB30" s="257"/>
      <c r="BC30" s="257"/>
      <c r="BD30" s="257"/>
      <c r="BE30" s="257"/>
      <c r="BF30" s="257"/>
      <c r="BG30" s="257"/>
      <c r="BH30" s="257"/>
      <c r="BI30" s="257"/>
      <c r="BJ30" s="257"/>
      <c r="BK30" s="257"/>
      <c r="BL30" s="257"/>
      <c r="BM30" s="257"/>
      <c r="BN30" s="257"/>
      <c r="BO30" s="257"/>
      <c r="BP30" s="257"/>
      <c r="BQ30" s="257"/>
      <c r="BR30" s="257"/>
      <c r="BS30" s="257"/>
      <c r="BT30" s="257"/>
      <c r="BU30" s="257"/>
      <c r="BV30" s="257"/>
      <c r="BW30" s="257"/>
      <c r="BX30" s="257"/>
      <c r="BY30" s="257"/>
      <c r="BZ30" s="257"/>
      <c r="CA30" s="257"/>
    </row>
    <row r="31" spans="1:79">
      <c r="W31" s="257"/>
      <c r="X31" s="257"/>
      <c r="Y31" s="257"/>
      <c r="Z31" s="257"/>
      <c r="AA31" s="257"/>
      <c r="AB31" s="257"/>
      <c r="AC31" s="257"/>
      <c r="AD31" s="257"/>
      <c r="AE31" s="257"/>
      <c r="AF31" s="257"/>
      <c r="AG31" s="257"/>
      <c r="AH31" s="257"/>
      <c r="AI31" s="257"/>
      <c r="AJ31" s="257"/>
      <c r="AK31" s="257"/>
      <c r="AL31" s="257"/>
      <c r="AM31" s="257"/>
      <c r="AN31" s="257"/>
      <c r="AO31" s="257"/>
      <c r="AP31" s="257"/>
      <c r="AQ31" s="257"/>
      <c r="AR31" s="257"/>
      <c r="AS31" s="257"/>
      <c r="AT31" s="257"/>
      <c r="AU31" s="257"/>
      <c r="AV31" s="257"/>
      <c r="AW31" s="257"/>
      <c r="AX31" s="257"/>
      <c r="AY31" s="257"/>
      <c r="AZ31" s="257"/>
      <c r="BA31" s="257"/>
      <c r="BB31" s="257"/>
      <c r="BC31" s="257"/>
      <c r="BD31" s="257"/>
      <c r="BE31" s="257"/>
      <c r="BF31" s="257"/>
      <c r="BG31" s="257"/>
      <c r="BH31" s="257"/>
      <c r="BI31" s="257"/>
      <c r="BJ31" s="257"/>
      <c r="BK31" s="257"/>
      <c r="BL31" s="257"/>
      <c r="BM31" s="257"/>
      <c r="BN31" s="257"/>
      <c r="BO31" s="257"/>
      <c r="BP31" s="257"/>
      <c r="BQ31" s="257"/>
      <c r="BR31" s="257"/>
      <c r="BS31" s="257"/>
      <c r="BT31" s="257"/>
      <c r="BU31" s="257"/>
      <c r="BV31" s="257"/>
      <c r="BW31" s="257"/>
      <c r="BX31" s="257"/>
      <c r="BY31" s="257"/>
      <c r="BZ31" s="257"/>
      <c r="CA31" s="257"/>
    </row>
    <row r="32" spans="1:79" ht="18.75">
      <c r="A32" s="321" t="s">
        <v>55</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227"/>
      <c r="AM32" s="227"/>
      <c r="AN32" s="227"/>
      <c r="AO32" s="227"/>
      <c r="AP32" s="227"/>
      <c r="AQ32" s="227"/>
      <c r="AR32" s="227"/>
      <c r="AS32" s="227"/>
      <c r="AT32" s="227"/>
      <c r="AU32" s="227"/>
      <c r="AV32" s="227"/>
      <c r="AW32" s="227"/>
      <c r="AX32" s="227"/>
      <c r="AY32" s="227"/>
      <c r="AZ32" s="227"/>
      <c r="BA32" s="227"/>
      <c r="BB32" s="227"/>
      <c r="BC32" s="227"/>
      <c r="BD32" s="227"/>
      <c r="BE32" s="227"/>
      <c r="BF32" s="227"/>
      <c r="BG32" s="227"/>
      <c r="BH32" s="227"/>
      <c r="BI32" s="227"/>
      <c r="BJ32" s="227"/>
      <c r="BK32" s="227"/>
      <c r="BL32" s="227"/>
      <c r="BM32" s="227"/>
      <c r="BN32" s="227"/>
      <c r="BO32" s="227"/>
      <c r="BP32" s="227"/>
      <c r="BQ32" s="227"/>
      <c r="BR32" s="227"/>
      <c r="BS32" s="227"/>
      <c r="BT32" s="227"/>
      <c r="BU32" s="227"/>
      <c r="BV32" s="227"/>
      <c r="BW32" s="227"/>
      <c r="BX32" s="227"/>
      <c r="BY32" s="227"/>
      <c r="BZ32" s="227"/>
      <c r="CA32" s="257"/>
    </row>
    <row r="33" spans="1:85" ht="51.75" customHeight="1">
      <c r="A33" s="389" t="s">
        <v>508</v>
      </c>
      <c r="B33" s="389"/>
      <c r="C33" s="389"/>
      <c r="D33" s="389"/>
      <c r="E33" s="389"/>
      <c r="F33" s="389"/>
      <c r="G33" s="389"/>
      <c r="H33" s="389"/>
      <c r="I33" s="389"/>
      <c r="J33" s="389"/>
      <c r="K33" s="389"/>
      <c r="L33" s="389"/>
      <c r="M33" s="389"/>
      <c r="N33" s="389"/>
      <c r="O33" s="389"/>
      <c r="P33" s="389"/>
      <c r="Q33" s="389"/>
      <c r="R33" s="389"/>
      <c r="S33" s="389"/>
      <c r="T33" s="389"/>
      <c r="U33" s="389"/>
      <c r="V33" s="389"/>
      <c r="W33" s="389"/>
      <c r="X33" s="389"/>
      <c r="Y33" s="389"/>
      <c r="Z33" s="389"/>
      <c r="AA33" s="389"/>
      <c r="AB33" s="389"/>
      <c r="AC33" s="389"/>
      <c r="AD33" s="389"/>
      <c r="AE33" s="389"/>
      <c r="AF33" s="389"/>
      <c r="AG33" s="389"/>
      <c r="AH33" s="389"/>
      <c r="AI33" s="389"/>
      <c r="AJ33" s="389"/>
      <c r="AK33" s="389"/>
      <c r="AL33" s="258"/>
      <c r="AM33" s="258"/>
      <c r="AN33" s="258"/>
      <c r="AO33" s="258"/>
      <c r="AP33" s="258"/>
      <c r="AQ33" s="258"/>
      <c r="AR33" s="258"/>
      <c r="AS33" s="258"/>
      <c r="AT33" s="258"/>
      <c r="AU33" s="258"/>
      <c r="AV33" s="258"/>
      <c r="AW33" s="258"/>
      <c r="AX33" s="258"/>
      <c r="AY33" s="258"/>
      <c r="AZ33" s="258"/>
      <c r="BA33" s="258"/>
      <c r="BB33" s="258"/>
      <c r="BC33" s="258"/>
      <c r="BD33" s="258"/>
      <c r="BE33" s="258"/>
      <c r="BF33" s="258"/>
      <c r="BG33" s="258"/>
      <c r="BH33" s="258"/>
      <c r="BI33" s="258"/>
      <c r="BJ33" s="258"/>
      <c r="BK33" s="258"/>
      <c r="BL33" s="258"/>
      <c r="BM33" s="258"/>
      <c r="BN33" s="258"/>
      <c r="BO33" s="258"/>
      <c r="BP33" s="258"/>
      <c r="BQ33" s="258"/>
      <c r="BR33" s="258"/>
      <c r="BS33" s="258"/>
      <c r="BT33" s="258"/>
      <c r="BU33" s="258"/>
      <c r="BV33" s="258"/>
      <c r="BW33" s="258"/>
      <c r="BX33" s="258"/>
      <c r="BY33" s="258"/>
      <c r="BZ33" s="258"/>
      <c r="CA33" s="257"/>
    </row>
    <row r="34" spans="1:85" ht="33.75" customHeight="1">
      <c r="A34" s="64"/>
      <c r="B34" s="364" t="s">
        <v>283</v>
      </c>
      <c r="C34" s="365"/>
      <c r="D34" s="365"/>
      <c r="E34" s="365"/>
      <c r="F34" s="365"/>
      <c r="G34" s="365"/>
      <c r="H34" s="365"/>
      <c r="I34" s="365"/>
      <c r="J34" s="366"/>
      <c r="K34" s="364" t="s">
        <v>284</v>
      </c>
      <c r="L34" s="365"/>
      <c r="M34" s="365"/>
      <c r="N34" s="365"/>
      <c r="O34" s="365"/>
      <c r="P34" s="365"/>
      <c r="Q34" s="365"/>
      <c r="R34" s="365"/>
      <c r="S34" s="366"/>
      <c r="T34" s="364" t="s">
        <v>374</v>
      </c>
      <c r="U34" s="365"/>
      <c r="V34" s="365"/>
      <c r="W34" s="365"/>
      <c r="X34" s="365"/>
      <c r="Y34" s="365"/>
      <c r="Z34" s="365"/>
      <c r="AA34" s="365"/>
      <c r="AB34" s="366"/>
      <c r="AC34" s="364" t="s">
        <v>426</v>
      </c>
      <c r="AD34" s="365"/>
      <c r="AE34" s="365"/>
      <c r="AF34" s="365"/>
      <c r="AG34" s="365"/>
      <c r="AH34" s="365"/>
      <c r="AI34" s="365"/>
      <c r="AJ34" s="365"/>
      <c r="AK34" s="366"/>
      <c r="AL34" s="257"/>
      <c r="AM34" s="257"/>
      <c r="AN34" s="257"/>
      <c r="AO34" s="257"/>
      <c r="AP34" s="257"/>
      <c r="AQ34" s="257"/>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7"/>
      <c r="BQ34" s="257"/>
      <c r="BR34" s="257"/>
      <c r="BS34" s="257"/>
      <c r="BT34" s="257"/>
      <c r="BU34" s="257"/>
      <c r="BV34" s="257"/>
      <c r="BW34" s="257"/>
      <c r="BX34" s="257"/>
      <c r="BY34" s="257"/>
      <c r="BZ34" s="257"/>
      <c r="CA34" s="257"/>
      <c r="CB34" s="257"/>
      <c r="CC34" s="257"/>
      <c r="CD34" s="257"/>
      <c r="CE34" s="257"/>
      <c r="CF34" s="257"/>
      <c r="CG34" s="257"/>
    </row>
    <row r="35" spans="1:85" ht="72">
      <c r="A35" s="37" t="s">
        <v>85</v>
      </c>
      <c r="B35" s="38" t="s">
        <v>86</v>
      </c>
      <c r="C35" s="38" t="s">
        <v>257</v>
      </c>
      <c r="D35" s="89" t="s">
        <v>351</v>
      </c>
      <c r="E35" s="38" t="s">
        <v>352</v>
      </c>
      <c r="F35" s="89" t="s">
        <v>319</v>
      </c>
      <c r="G35" s="38" t="s">
        <v>353</v>
      </c>
      <c r="H35" s="89" t="s">
        <v>320</v>
      </c>
      <c r="I35" s="38" t="s">
        <v>357</v>
      </c>
      <c r="J35" s="89" t="s">
        <v>371</v>
      </c>
      <c r="K35" s="65" t="s">
        <v>86</v>
      </c>
      <c r="L35" s="65" t="s">
        <v>257</v>
      </c>
      <c r="M35" s="88" t="s">
        <v>351</v>
      </c>
      <c r="N35" s="65" t="s">
        <v>352</v>
      </c>
      <c r="O35" s="88" t="s">
        <v>319</v>
      </c>
      <c r="P35" s="65" t="s">
        <v>353</v>
      </c>
      <c r="Q35" s="88" t="s">
        <v>320</v>
      </c>
      <c r="R35" s="65" t="s">
        <v>357</v>
      </c>
      <c r="S35" s="88" t="s">
        <v>371</v>
      </c>
      <c r="T35" s="38" t="s">
        <v>86</v>
      </c>
      <c r="U35" s="38" t="s">
        <v>354</v>
      </c>
      <c r="V35" s="89" t="s">
        <v>322</v>
      </c>
      <c r="W35" s="38" t="s">
        <v>377</v>
      </c>
      <c r="X35" s="89" t="s">
        <v>393</v>
      </c>
      <c r="Y35" s="38" t="s">
        <v>376</v>
      </c>
      <c r="Z35" s="89" t="s">
        <v>375</v>
      </c>
      <c r="AA35" s="38" t="s">
        <v>357</v>
      </c>
      <c r="AB35" s="89" t="s">
        <v>371</v>
      </c>
      <c r="AC35" s="38" t="s">
        <v>86</v>
      </c>
      <c r="AD35" s="38" t="s">
        <v>427</v>
      </c>
      <c r="AE35" s="89" t="s">
        <v>428</v>
      </c>
      <c r="AF35" s="38" t="s">
        <v>423</v>
      </c>
      <c r="AG35" s="89" t="s">
        <v>425</v>
      </c>
      <c r="AH35" s="38" t="s">
        <v>429</v>
      </c>
      <c r="AI35" s="89" t="s">
        <v>430</v>
      </c>
      <c r="AJ35" s="38" t="s">
        <v>357</v>
      </c>
      <c r="AK35" s="89" t="s">
        <v>371</v>
      </c>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row>
    <row r="36" spans="1:85" ht="60">
      <c r="A36" s="41"/>
      <c r="B36" s="42" t="s">
        <v>89</v>
      </c>
      <c r="C36" s="42" t="s">
        <v>181</v>
      </c>
      <c r="D36" s="91" t="s">
        <v>104</v>
      </c>
      <c r="E36" s="42" t="s">
        <v>182</v>
      </c>
      <c r="F36" s="91" t="s">
        <v>104</v>
      </c>
      <c r="G36" s="42" t="s">
        <v>183</v>
      </c>
      <c r="H36" s="91" t="s">
        <v>104</v>
      </c>
      <c r="I36" s="42" t="s">
        <v>357</v>
      </c>
      <c r="J36" s="91" t="s">
        <v>104</v>
      </c>
      <c r="K36" s="68" t="s">
        <v>89</v>
      </c>
      <c r="L36" s="68" t="s">
        <v>181</v>
      </c>
      <c r="M36" s="90" t="s">
        <v>104</v>
      </c>
      <c r="N36" s="68" t="s">
        <v>182</v>
      </c>
      <c r="O36" s="90" t="s">
        <v>104</v>
      </c>
      <c r="P36" s="68" t="s">
        <v>183</v>
      </c>
      <c r="Q36" s="90" t="s">
        <v>104</v>
      </c>
      <c r="R36" s="68" t="s">
        <v>357</v>
      </c>
      <c r="S36" s="90" t="s">
        <v>104</v>
      </c>
      <c r="T36" s="42" t="s">
        <v>89</v>
      </c>
      <c r="U36" s="42" t="s">
        <v>183</v>
      </c>
      <c r="V36" s="91" t="s">
        <v>104</v>
      </c>
      <c r="W36" s="42" t="s">
        <v>182</v>
      </c>
      <c r="X36" s="91" t="s">
        <v>104</v>
      </c>
      <c r="Y36" s="42" t="s">
        <v>181</v>
      </c>
      <c r="Z36" s="91" t="s">
        <v>104</v>
      </c>
      <c r="AA36" s="42" t="s">
        <v>357</v>
      </c>
      <c r="AB36" s="91" t="s">
        <v>104</v>
      </c>
      <c r="AC36" s="42" t="s">
        <v>89</v>
      </c>
      <c r="AD36" s="42" t="s">
        <v>422</v>
      </c>
      <c r="AE36" s="91" t="s">
        <v>104</v>
      </c>
      <c r="AF36" s="42" t="s">
        <v>424</v>
      </c>
      <c r="AG36" s="91" t="s">
        <v>104</v>
      </c>
      <c r="AH36" s="42" t="s">
        <v>181</v>
      </c>
      <c r="AI36" s="91" t="s">
        <v>104</v>
      </c>
      <c r="AJ36" s="42" t="s">
        <v>357</v>
      </c>
      <c r="AK36" s="91" t="s">
        <v>104</v>
      </c>
    </row>
    <row r="37" spans="1:85">
      <c r="A37" s="45" t="s">
        <v>436</v>
      </c>
      <c r="B37" s="213">
        <v>10987</v>
      </c>
      <c r="C37" s="217">
        <v>0.14499999999999999</v>
      </c>
      <c r="D37" s="94">
        <v>6.7195320495849918E-3</v>
      </c>
      <c r="E37" s="217">
        <v>0.17499999999999999</v>
      </c>
      <c r="F37" s="94">
        <v>7.2505837198073879E-3</v>
      </c>
      <c r="G37" s="217">
        <v>0.58299999999999996</v>
      </c>
      <c r="H37" s="94">
        <v>9.4062858935187836E-3</v>
      </c>
      <c r="I37" s="217">
        <v>9.7000000000000003E-2</v>
      </c>
      <c r="J37" s="94">
        <v>5.6498113137452479E-3</v>
      </c>
      <c r="K37" s="213">
        <v>10973</v>
      </c>
      <c r="L37" s="217">
        <v>9.4E-2</v>
      </c>
      <c r="M37" s="94">
        <v>5.574709286512893E-3</v>
      </c>
      <c r="N37" s="217">
        <v>0.17399999999999999</v>
      </c>
      <c r="O37" s="94">
        <v>7.2388533801420046E-3</v>
      </c>
      <c r="P37" s="217">
        <v>0.68300000000000005</v>
      </c>
      <c r="Q37" s="94">
        <v>8.8828559436392226E-3</v>
      </c>
      <c r="R37" s="217">
        <v>4.8000000000000001E-2</v>
      </c>
      <c r="S37" s="94">
        <v>4.0872719165296447E-3</v>
      </c>
      <c r="T37" s="213">
        <v>10981</v>
      </c>
      <c r="U37" s="217">
        <v>0.315</v>
      </c>
      <c r="V37" s="94">
        <v>8.8645277740618655E-3</v>
      </c>
      <c r="W37" s="217">
        <v>0.25700000000000001</v>
      </c>
      <c r="X37" s="94">
        <v>8.3394963339389408E-3</v>
      </c>
      <c r="Y37" s="217">
        <v>0.33099999999999996</v>
      </c>
      <c r="Z37" s="94">
        <v>8.9800222557315443E-3</v>
      </c>
      <c r="AA37" s="217">
        <v>9.6000000000000002E-2</v>
      </c>
      <c r="AB37" s="94">
        <v>5.6253164334750284E-3</v>
      </c>
      <c r="AC37" s="213">
        <v>10981</v>
      </c>
      <c r="AD37" s="217">
        <v>0.13900000000000001</v>
      </c>
      <c r="AE37" s="94">
        <v>6.6040605169667152E-3</v>
      </c>
      <c r="AF37" s="217">
        <v>0.433</v>
      </c>
      <c r="AG37" s="94">
        <v>9.4551480529282261E-3</v>
      </c>
      <c r="AH37" s="217">
        <v>0.33099999999999996</v>
      </c>
      <c r="AI37" s="94">
        <v>8.9800222557315443E-3</v>
      </c>
      <c r="AJ37" s="217">
        <v>9.6000000000000002E-2</v>
      </c>
      <c r="AK37" s="94">
        <v>5.6253164334750284E-3</v>
      </c>
    </row>
    <row r="38" spans="1:85">
      <c r="A38" s="49" t="s">
        <v>437</v>
      </c>
      <c r="B38" s="214">
        <v>8842</v>
      </c>
      <c r="C38" s="218">
        <v>0.158</v>
      </c>
      <c r="D38" s="97">
        <v>7.7591413800206155E-3</v>
      </c>
      <c r="E38" s="218">
        <v>0.16500000000000001</v>
      </c>
      <c r="F38" s="97">
        <v>7.8958993714297859E-3</v>
      </c>
      <c r="G38" s="218">
        <v>0.60299999999999998</v>
      </c>
      <c r="H38" s="97">
        <v>1.0404450260556355E-2</v>
      </c>
      <c r="I38" s="218">
        <v>7.4999999999999997E-2</v>
      </c>
      <c r="J38" s="97">
        <v>5.6074912643168575E-3</v>
      </c>
      <c r="K38" s="214">
        <v>8827</v>
      </c>
      <c r="L38" s="218">
        <v>0.10199999999999999</v>
      </c>
      <c r="M38" s="97">
        <v>6.4461908050648499E-3</v>
      </c>
      <c r="N38" s="218">
        <v>0.17100000000000001</v>
      </c>
      <c r="O38" s="97">
        <v>8.0158667611005298E-3</v>
      </c>
      <c r="P38" s="218">
        <v>0.68400000000000005</v>
      </c>
      <c r="Q38" s="97">
        <v>9.8952654435714073E-3</v>
      </c>
      <c r="R38" s="218">
        <v>4.2000000000000003E-2</v>
      </c>
      <c r="S38" s="97">
        <v>4.2791286444487106E-3</v>
      </c>
      <c r="T38" s="214">
        <v>8833</v>
      </c>
      <c r="U38" s="218">
        <v>0.29600000000000004</v>
      </c>
      <c r="V38" s="97">
        <v>9.7129018349856946E-3</v>
      </c>
      <c r="W38" s="218">
        <v>0.26300000000000001</v>
      </c>
      <c r="X38" s="97">
        <v>9.3679838122847064E-3</v>
      </c>
      <c r="Y38" s="218">
        <v>0.36299999999999999</v>
      </c>
      <c r="Z38" s="97">
        <v>1.0230963824209079E-2</v>
      </c>
      <c r="AA38" s="218">
        <v>7.6999999999999999E-2</v>
      </c>
      <c r="AB38" s="97">
        <v>5.6782958731589834E-3</v>
      </c>
      <c r="AC38" s="214">
        <v>8833</v>
      </c>
      <c r="AD38" s="218">
        <v>0.13900000000000001</v>
      </c>
      <c r="AE38" s="97">
        <v>7.3637739859551731E-3</v>
      </c>
      <c r="AF38" s="218">
        <v>0.42000000000000004</v>
      </c>
      <c r="AG38" s="97">
        <v>1.0500775498720836E-2</v>
      </c>
      <c r="AH38" s="218">
        <v>0.36299999999999999</v>
      </c>
      <c r="AI38" s="97">
        <v>1.0230963824209079E-2</v>
      </c>
      <c r="AJ38" s="218">
        <v>7.6999999999999999E-2</v>
      </c>
      <c r="AK38" s="97">
        <v>5.6782958731589834E-3</v>
      </c>
    </row>
    <row r="39" spans="1:85">
      <c r="A39" s="45" t="s">
        <v>438</v>
      </c>
      <c r="B39" s="213">
        <v>1984</v>
      </c>
      <c r="C39" s="217">
        <v>0.10879999999999999</v>
      </c>
      <c r="D39" s="94">
        <v>1.401190821998686E-2</v>
      </c>
      <c r="E39" s="217">
        <v>0.19539999999999999</v>
      </c>
      <c r="F39" s="94">
        <v>1.7806913698721335E-2</v>
      </c>
      <c r="G39" s="217">
        <v>0.57989999999999997</v>
      </c>
      <c r="H39" s="94">
        <v>2.2141017515266453E-2</v>
      </c>
      <c r="I39" s="217">
        <v>0.11600000000000001</v>
      </c>
      <c r="J39" s="94">
        <v>1.4405508904591561E-2</v>
      </c>
      <c r="K39" s="213">
        <v>1981</v>
      </c>
      <c r="L39" s="217">
        <v>7.3099999999999998E-2</v>
      </c>
      <c r="M39" s="94">
        <v>1.1747994782939288E-2</v>
      </c>
      <c r="N39" s="217">
        <v>0.16159999999999999</v>
      </c>
      <c r="O39" s="94">
        <v>1.6551362367851055E-2</v>
      </c>
      <c r="P39" s="217">
        <v>0.70489999999999997</v>
      </c>
      <c r="Q39" s="94">
        <v>2.048210004751546E-2</v>
      </c>
      <c r="R39" s="217">
        <v>6.0499999999999998E-2</v>
      </c>
      <c r="S39" s="94">
        <v>1.0775234711713703E-2</v>
      </c>
      <c r="T39" s="213">
        <v>1984</v>
      </c>
      <c r="U39" s="217">
        <v>0.31230000000000002</v>
      </c>
      <c r="V39" s="94">
        <v>2.0794594909042025E-2</v>
      </c>
      <c r="W39" s="217">
        <v>0.24210000000000001</v>
      </c>
      <c r="X39" s="94">
        <v>1.9228320845557947E-2</v>
      </c>
      <c r="Y39" s="217">
        <v>0.32650000000000001</v>
      </c>
      <c r="Z39" s="94">
        <v>2.1040287308778854E-2</v>
      </c>
      <c r="AA39" s="217">
        <v>0.1191</v>
      </c>
      <c r="AB39" s="94">
        <v>1.4569506269332963E-2</v>
      </c>
      <c r="AC39" s="213">
        <v>1984</v>
      </c>
      <c r="AD39" s="217">
        <v>0.1326</v>
      </c>
      <c r="AE39" s="94">
        <v>1.5248437840105598E-2</v>
      </c>
      <c r="AF39" s="217">
        <v>0.42180000000000001</v>
      </c>
      <c r="AG39" s="94">
        <v>2.2153177363820935E-2</v>
      </c>
      <c r="AH39" s="217">
        <v>0.32650000000000001</v>
      </c>
      <c r="AI39" s="94">
        <v>2.1040287308778854E-2</v>
      </c>
      <c r="AJ39" s="217">
        <v>0.1191</v>
      </c>
      <c r="AK39" s="94">
        <v>1.4569506269332963E-2</v>
      </c>
    </row>
    <row r="40" spans="1:85">
      <c r="A40" s="49" t="s">
        <v>439</v>
      </c>
      <c r="B40" s="214">
        <v>3918</v>
      </c>
      <c r="C40" s="218">
        <v>0.127</v>
      </c>
      <c r="D40" s="97">
        <v>1.0647312806042369E-2</v>
      </c>
      <c r="E40" s="218">
        <v>0.153</v>
      </c>
      <c r="F40" s="97">
        <v>1.150733008513022E-2</v>
      </c>
      <c r="G40" s="218">
        <v>0.61599999999999999</v>
      </c>
      <c r="H40" s="97">
        <v>1.5533071862750899E-2</v>
      </c>
      <c r="I40" s="218">
        <v>0.10299999999999999</v>
      </c>
      <c r="J40" s="97">
        <v>9.7239996060623276E-3</v>
      </c>
      <c r="K40" s="214">
        <v>3920</v>
      </c>
      <c r="L40" s="218">
        <v>8.7999999999999995E-2</v>
      </c>
      <c r="M40" s="97">
        <v>9.0643799294009338E-3</v>
      </c>
      <c r="N40" s="218">
        <v>0.16400000000000001</v>
      </c>
      <c r="O40" s="97">
        <v>1.1831903166628459E-2</v>
      </c>
      <c r="P40" s="218">
        <v>0.69</v>
      </c>
      <c r="Q40" s="97">
        <v>1.4768811700297297E-2</v>
      </c>
      <c r="R40" s="218">
        <v>5.7000000000000002E-2</v>
      </c>
      <c r="S40" s="97">
        <v>7.4296493918062211E-3</v>
      </c>
      <c r="T40" s="214">
        <v>3902</v>
      </c>
      <c r="U40" s="218">
        <v>0.311</v>
      </c>
      <c r="V40" s="97">
        <v>1.4815890910814358E-2</v>
      </c>
      <c r="W40" s="218">
        <v>0.23899999999999999</v>
      </c>
      <c r="X40" s="97">
        <v>1.3652795376986927E-2</v>
      </c>
      <c r="Y40" s="218">
        <v>0.33199999999999996</v>
      </c>
      <c r="Z40" s="97">
        <v>1.5072236944998594E-2</v>
      </c>
      <c r="AA40" s="218">
        <v>0.11799999999999999</v>
      </c>
      <c r="AB40" s="97">
        <v>1.0338595283203871E-2</v>
      </c>
      <c r="AC40" s="214">
        <v>3902</v>
      </c>
      <c r="AD40" s="218">
        <v>0.13500000000000001</v>
      </c>
      <c r="AE40" s="97">
        <v>1.0948266493853939E-2</v>
      </c>
      <c r="AF40" s="218">
        <v>0.41499999999999998</v>
      </c>
      <c r="AG40" s="97">
        <v>1.5768089853380952E-2</v>
      </c>
      <c r="AH40" s="218">
        <v>0.33199999999999996</v>
      </c>
      <c r="AI40" s="97">
        <v>1.5072236944998594E-2</v>
      </c>
      <c r="AJ40" s="218">
        <v>0.11799999999999999</v>
      </c>
      <c r="AK40" s="97">
        <v>1.0338595283203871E-2</v>
      </c>
    </row>
    <row r="41" spans="1:85">
      <c r="A41" s="45" t="s">
        <v>440</v>
      </c>
      <c r="B41" s="213">
        <v>3282</v>
      </c>
      <c r="C41" s="217">
        <v>0.13900000000000001</v>
      </c>
      <c r="D41" s="94">
        <v>1.2085920975576267E-2</v>
      </c>
      <c r="E41" s="217">
        <v>0.14000000000000001</v>
      </c>
      <c r="F41" s="94">
        <v>1.2122087823801741E-2</v>
      </c>
      <c r="G41" s="217">
        <v>0.63800000000000001</v>
      </c>
      <c r="H41" s="94">
        <v>1.6768893315241923E-2</v>
      </c>
      <c r="I41" s="217">
        <v>8.3000000000000004E-2</v>
      </c>
      <c r="J41" s="94">
        <v>9.6521412819251876E-3</v>
      </c>
      <c r="K41" s="213">
        <v>3284</v>
      </c>
      <c r="L41" s="217">
        <v>9.6000000000000002E-2</v>
      </c>
      <c r="M41" s="94">
        <v>1.0298517460256394E-2</v>
      </c>
      <c r="N41" s="217">
        <v>0.17</v>
      </c>
      <c r="O41" s="94">
        <v>1.3113986624010974E-2</v>
      </c>
      <c r="P41" s="217">
        <v>0.68200000000000005</v>
      </c>
      <c r="Q41" s="94">
        <v>1.6246150382533256E-2</v>
      </c>
      <c r="R41" s="217">
        <v>5.1999999999999998E-2</v>
      </c>
      <c r="S41" s="94">
        <v>7.7823208672137814E-3</v>
      </c>
      <c r="T41" s="213">
        <v>3265</v>
      </c>
      <c r="U41" s="217">
        <v>0.307</v>
      </c>
      <c r="V41" s="94">
        <v>1.6138059196008765E-2</v>
      </c>
      <c r="W41" s="217">
        <v>0.25800000000000001</v>
      </c>
      <c r="X41" s="94">
        <v>1.5310760015994731E-2</v>
      </c>
      <c r="Y41" s="217">
        <v>0.34099999999999997</v>
      </c>
      <c r="Z41" s="94">
        <v>1.6584491925269257E-2</v>
      </c>
      <c r="AA41" s="217">
        <v>9.5000000000000001E-2</v>
      </c>
      <c r="AB41" s="94">
        <v>1.0280624237806683E-2</v>
      </c>
      <c r="AC41" s="213">
        <v>3265</v>
      </c>
      <c r="AD41" s="217">
        <v>0.13400000000000001</v>
      </c>
      <c r="AE41" s="94">
        <v>1.1932902081273195E-2</v>
      </c>
      <c r="AF41" s="217">
        <v>0.43099999999999999</v>
      </c>
      <c r="AG41" s="94">
        <v>1.7323179828343943E-2</v>
      </c>
      <c r="AH41" s="217">
        <v>0.34099999999999997</v>
      </c>
      <c r="AI41" s="94">
        <v>1.6584491925269257E-2</v>
      </c>
      <c r="AJ41" s="217">
        <v>9.5000000000000001E-2</v>
      </c>
      <c r="AK41" s="94">
        <v>1.0280624237806683E-2</v>
      </c>
    </row>
    <row r="42" spans="1:85">
      <c r="A42" s="49" t="s">
        <v>455</v>
      </c>
      <c r="B42" s="214">
        <v>575</v>
      </c>
      <c r="C42" s="218">
        <v>0.13800000000000001</v>
      </c>
      <c r="D42" s="97">
        <v>2.888370714002932E-2</v>
      </c>
      <c r="E42" s="218">
        <v>0.17699999999999999</v>
      </c>
      <c r="F42" s="97">
        <v>3.1879254790636309E-2</v>
      </c>
      <c r="G42" s="218">
        <v>0.60299999999999998</v>
      </c>
      <c r="H42" s="97">
        <v>4.0679638699277043E-2</v>
      </c>
      <c r="I42" s="218">
        <v>8.3000000000000004E-2</v>
      </c>
      <c r="J42" s="97">
        <v>2.3288431341694119E-2</v>
      </c>
      <c r="K42" s="214">
        <v>577</v>
      </c>
      <c r="L42" s="218">
        <v>0.109</v>
      </c>
      <c r="M42" s="97">
        <v>2.6135727767613429E-2</v>
      </c>
      <c r="N42" s="218">
        <v>0.105</v>
      </c>
      <c r="O42" s="97">
        <v>2.5724071314330157E-2</v>
      </c>
      <c r="P42" s="218">
        <v>0.72</v>
      </c>
      <c r="Q42" s="97">
        <v>3.731654084739295E-2</v>
      </c>
      <c r="R42" s="218">
        <v>6.5000000000000002E-2</v>
      </c>
      <c r="S42" s="97">
        <v>2.0887624695072854E-2</v>
      </c>
      <c r="T42" s="214">
        <v>572</v>
      </c>
      <c r="U42" s="218">
        <v>0.29800000000000004</v>
      </c>
      <c r="V42" s="97">
        <v>3.8166371399579159E-2</v>
      </c>
      <c r="W42" s="218">
        <v>0.25</v>
      </c>
      <c r="X42" s="97">
        <v>3.6167534693285881E-2</v>
      </c>
      <c r="Y42" s="218">
        <v>0.371</v>
      </c>
      <c r="Z42" s="97">
        <v>4.027589940393763E-2</v>
      </c>
      <c r="AA42" s="218">
        <v>0.08</v>
      </c>
      <c r="AB42" s="97">
        <v>2.2979685028235559E-2</v>
      </c>
      <c r="AC42" s="214">
        <v>572</v>
      </c>
      <c r="AD42" s="218">
        <v>0.13600000000000001</v>
      </c>
      <c r="AE42" s="97">
        <v>2.8787756917574112E-2</v>
      </c>
      <c r="AF42" s="218">
        <v>0.41200000000000003</v>
      </c>
      <c r="AG42" s="97">
        <v>4.10253294132253E-2</v>
      </c>
      <c r="AH42" s="218">
        <v>0.371</v>
      </c>
      <c r="AI42" s="97">
        <v>4.027589940393763E-2</v>
      </c>
      <c r="AJ42" s="218">
        <v>0.08</v>
      </c>
      <c r="AK42" s="97">
        <v>2.2979685028235559E-2</v>
      </c>
    </row>
    <row r="43" spans="1:85">
      <c r="A43" s="45" t="s">
        <v>441</v>
      </c>
      <c r="B43" s="213">
        <v>115</v>
      </c>
      <c r="C43" s="217">
        <v>0.182</v>
      </c>
      <c r="D43" s="94">
        <v>7.2311184616250163E-2</v>
      </c>
      <c r="E43" s="217">
        <v>0.16300000000000001</v>
      </c>
      <c r="F43" s="94">
        <v>6.9557442138086678E-2</v>
      </c>
      <c r="G43" s="217">
        <v>0.55500000000000005</v>
      </c>
      <c r="H43" s="94">
        <v>9.1150433144412055E-2</v>
      </c>
      <c r="I43" s="217">
        <v>0.1</v>
      </c>
      <c r="J43" s="94">
        <v>5.8143700375511392E-2</v>
      </c>
      <c r="K43" s="213">
        <v>117</v>
      </c>
      <c r="L43" s="217">
        <v>0.16</v>
      </c>
      <c r="M43" s="94">
        <v>6.8494228516686767E-2</v>
      </c>
      <c r="N43" s="217">
        <v>8.7999999999999995E-2</v>
      </c>
      <c r="O43" s="94">
        <v>5.4935948851082543E-2</v>
      </c>
      <c r="P43" s="217">
        <v>0.73599999999999999</v>
      </c>
      <c r="Q43" s="94">
        <v>8.0888764428839174E-2</v>
      </c>
      <c r="R43" s="217">
        <v>1.6E-2</v>
      </c>
      <c r="S43" s="94">
        <v>3.2000000000000001E-2</v>
      </c>
      <c r="T43" s="213">
        <v>115</v>
      </c>
      <c r="U43" s="217">
        <v>0.28300000000000003</v>
      </c>
      <c r="V43" s="94">
        <v>8.3217532676466699E-2</v>
      </c>
      <c r="W43" s="217">
        <v>0.26600000000000001</v>
      </c>
      <c r="X43" s="94">
        <v>8.1758654631528427E-2</v>
      </c>
      <c r="Y43" s="217">
        <v>0.378</v>
      </c>
      <c r="Z43" s="94">
        <v>8.9084944478804856E-2</v>
      </c>
      <c r="AA43" s="217">
        <v>7.2999999999999995E-2</v>
      </c>
      <c r="AB43" s="94">
        <v>5.1766250594846304E-2</v>
      </c>
      <c r="AC43" s="213">
        <v>115</v>
      </c>
      <c r="AD43" s="217">
        <v>9.2999999999999999E-2</v>
      </c>
      <c r="AE43" s="94">
        <v>5.6598217281412677E-2</v>
      </c>
      <c r="AF43" s="217">
        <v>0.45600000000000002</v>
      </c>
      <c r="AG43" s="94">
        <v>9.1337763383928613E-2</v>
      </c>
      <c r="AH43" s="217">
        <v>0.378</v>
      </c>
      <c r="AI43" s="94">
        <v>8.9084944478804856E-2</v>
      </c>
      <c r="AJ43" s="217">
        <v>7.2999999999999995E-2</v>
      </c>
      <c r="AK43" s="94">
        <v>5.1766250594846304E-2</v>
      </c>
    </row>
    <row r="44" spans="1:85">
      <c r="A44" s="49" t="s">
        <v>442</v>
      </c>
      <c r="B44" s="214">
        <v>174</v>
      </c>
      <c r="C44" s="218">
        <v>0.17399999999999999</v>
      </c>
      <c r="D44" s="97">
        <v>5.7757101118349093E-2</v>
      </c>
      <c r="E44" s="218">
        <v>0.19600000000000001</v>
      </c>
      <c r="F44" s="97">
        <v>6.027854058218287E-2</v>
      </c>
      <c r="G44" s="218">
        <v>0.58899999999999997</v>
      </c>
      <c r="H44" s="97">
        <v>7.3809807210488215E-2</v>
      </c>
      <c r="I44" s="218">
        <v>4.2000000000000003E-2</v>
      </c>
      <c r="J44" s="97">
        <v>3.3371476573254948E-2</v>
      </c>
      <c r="K44" s="214">
        <v>175</v>
      </c>
      <c r="L44" s="218">
        <v>0.14199999999999999</v>
      </c>
      <c r="M44" s="97">
        <v>5.3377542198692368E-2</v>
      </c>
      <c r="N44" s="218">
        <v>0.115</v>
      </c>
      <c r="O44" s="97">
        <v>4.9200436783436052E-2</v>
      </c>
      <c r="P44" s="218">
        <v>0.73</v>
      </c>
      <c r="Q44" s="97">
        <v>6.6758604518245765E-2</v>
      </c>
      <c r="R44" s="218">
        <v>1.2E-2</v>
      </c>
      <c r="S44" s="97">
        <v>2.2363371703069176E-2</v>
      </c>
      <c r="T44" s="214">
        <v>172</v>
      </c>
      <c r="U44" s="218">
        <v>0.35399999999999998</v>
      </c>
      <c r="V44" s="97">
        <v>7.224357454289472E-2</v>
      </c>
      <c r="W44" s="218">
        <v>0.19800000000000001</v>
      </c>
      <c r="X44" s="97">
        <v>6.0845281967593867E-2</v>
      </c>
      <c r="Y44" s="218">
        <v>0.41100000000000003</v>
      </c>
      <c r="Z44" s="97">
        <v>7.4228601757268864E-2</v>
      </c>
      <c r="AA44" s="218">
        <v>3.5000000000000003E-2</v>
      </c>
      <c r="AB44" s="97">
        <v>3.1439596712645568E-2</v>
      </c>
      <c r="AC44" s="214">
        <v>172</v>
      </c>
      <c r="AD44" s="218">
        <v>0.17199999999999999</v>
      </c>
      <c r="AE44" s="97">
        <v>5.7849847090677128E-2</v>
      </c>
      <c r="AF44" s="218">
        <v>0.38</v>
      </c>
      <c r="AG44" s="97">
        <v>7.327518298696431E-2</v>
      </c>
      <c r="AH44" s="218">
        <v>0.41100000000000003</v>
      </c>
      <c r="AI44" s="97">
        <v>7.4228601757268864E-2</v>
      </c>
      <c r="AJ44" s="218">
        <v>3.5000000000000003E-2</v>
      </c>
      <c r="AK44" s="97">
        <v>3.1439596712645568E-2</v>
      </c>
    </row>
    <row r="45" spans="1:85">
      <c r="A45" s="45" t="s">
        <v>443</v>
      </c>
      <c r="B45" s="213">
        <v>135</v>
      </c>
      <c r="C45" s="217">
        <v>0.123</v>
      </c>
      <c r="D45" s="94">
        <v>5.7759956567232144E-2</v>
      </c>
      <c r="E45" s="217">
        <v>9.7000000000000003E-2</v>
      </c>
      <c r="F45" s="94">
        <v>5.2779925148683869E-2</v>
      </c>
      <c r="G45" s="217">
        <v>0.68600000000000005</v>
      </c>
      <c r="H45" s="94">
        <v>7.9089510758355339E-2</v>
      </c>
      <c r="I45" s="217">
        <v>9.5000000000000001E-2</v>
      </c>
      <c r="J45" s="94">
        <v>5.2362723929311877E-2</v>
      </c>
      <c r="K45" s="213">
        <v>134</v>
      </c>
      <c r="L45" s="217">
        <v>8.4000000000000005E-2</v>
      </c>
      <c r="M45" s="94">
        <v>5.0168076118407873E-2</v>
      </c>
      <c r="N45" s="217">
        <v>8.5000000000000006E-2</v>
      </c>
      <c r="O45" s="94">
        <v>5.0393915401831836E-2</v>
      </c>
      <c r="P45" s="217">
        <v>0.74199999999999999</v>
      </c>
      <c r="Q45" s="94">
        <v>7.5138868805286502E-2</v>
      </c>
      <c r="R45" s="217">
        <v>8.8999999999999996E-2</v>
      </c>
      <c r="S45" s="94">
        <v>5.1281999874582512E-2</v>
      </c>
      <c r="T45" s="213">
        <v>134</v>
      </c>
      <c r="U45" s="217">
        <v>0.20600000000000002</v>
      </c>
      <c r="V45" s="94">
        <v>6.9886484059713941E-2</v>
      </c>
      <c r="W45" s="217">
        <v>0.26700000000000002</v>
      </c>
      <c r="X45" s="94">
        <v>7.5912340174136381E-2</v>
      </c>
      <c r="Y45" s="217">
        <v>0.39800000000000002</v>
      </c>
      <c r="Z45" s="94">
        <v>8.3438841512027448E-2</v>
      </c>
      <c r="AA45" s="217">
        <v>0.129</v>
      </c>
      <c r="AB45" s="94">
        <v>5.9031445315707941E-2</v>
      </c>
      <c r="AC45" s="213">
        <v>134</v>
      </c>
      <c r="AD45" s="217">
        <v>7.5999999999999998E-2</v>
      </c>
      <c r="AE45" s="94">
        <v>4.8303015948011251E-2</v>
      </c>
      <c r="AF45" s="217">
        <v>0.39700000000000002</v>
      </c>
      <c r="AG45" s="94">
        <v>8.3405261926807042E-2</v>
      </c>
      <c r="AH45" s="217">
        <v>0.39800000000000002</v>
      </c>
      <c r="AI45" s="94">
        <v>8.3438841512027448E-2</v>
      </c>
      <c r="AJ45" s="217">
        <v>0.129</v>
      </c>
      <c r="AK45" s="94">
        <v>5.9031445315707941E-2</v>
      </c>
    </row>
    <row r="46" spans="1:85">
      <c r="A46" s="49" t="s">
        <v>444</v>
      </c>
      <c r="B46" s="214">
        <v>151</v>
      </c>
      <c r="C46" s="218">
        <v>8.6999999999999994E-2</v>
      </c>
      <c r="D46" s="97">
        <v>4.7687414164594995E-2</v>
      </c>
      <c r="E46" s="218">
        <v>0.21199999999999999</v>
      </c>
      <c r="F46" s="97">
        <v>6.6484389084030399E-2</v>
      </c>
      <c r="G46" s="218">
        <v>0.59399999999999997</v>
      </c>
      <c r="H46" s="97">
        <v>7.8963309908068963E-2</v>
      </c>
      <c r="I46" s="218">
        <v>0.107</v>
      </c>
      <c r="J46" s="97">
        <v>5.1661354480005049E-2</v>
      </c>
      <c r="K46" s="214">
        <v>151</v>
      </c>
      <c r="L46" s="218">
        <v>6.4000000000000001E-2</v>
      </c>
      <c r="M46" s="97">
        <v>4.2377354774025051E-2</v>
      </c>
      <c r="N46" s="218">
        <v>0.11600000000000001</v>
      </c>
      <c r="O46" s="97">
        <v>5.3293207350621687E-2</v>
      </c>
      <c r="P46" s="218">
        <v>0.69</v>
      </c>
      <c r="Q46" s="97">
        <v>7.4615432838183587E-2</v>
      </c>
      <c r="R46" s="218">
        <v>0.13</v>
      </c>
      <c r="S46" s="97">
        <v>5.5665970320779336E-2</v>
      </c>
      <c r="T46" s="214">
        <v>151</v>
      </c>
      <c r="U46" s="218">
        <v>0.307</v>
      </c>
      <c r="V46" s="97">
        <v>7.4426620663453194E-2</v>
      </c>
      <c r="W46" s="218">
        <v>0.28100000000000003</v>
      </c>
      <c r="X46" s="97">
        <v>7.2642734374285714E-2</v>
      </c>
      <c r="Y46" s="218">
        <v>0.313</v>
      </c>
      <c r="Z46" s="97">
        <v>7.480082166272789E-2</v>
      </c>
      <c r="AA46" s="218">
        <v>0.1</v>
      </c>
      <c r="AB46" s="97">
        <v>5.0328343542587681E-2</v>
      </c>
      <c r="AC46" s="214">
        <v>151</v>
      </c>
      <c r="AD46" s="218">
        <v>0.159</v>
      </c>
      <c r="AE46" s="97">
        <v>6.0030779202113506E-2</v>
      </c>
      <c r="AF46" s="218">
        <v>0.42900000000000005</v>
      </c>
      <c r="AG46" s="97">
        <v>7.9549671798442412E-2</v>
      </c>
      <c r="AH46" s="218">
        <v>0.313</v>
      </c>
      <c r="AI46" s="97">
        <v>7.480082166272789E-2</v>
      </c>
      <c r="AJ46" s="218">
        <v>0.1</v>
      </c>
      <c r="AK46" s="97">
        <v>5.0328343542587681E-2</v>
      </c>
    </row>
    <row r="47" spans="1:85">
      <c r="A47" s="45" t="s">
        <v>456</v>
      </c>
      <c r="B47" s="213">
        <v>526</v>
      </c>
      <c r="C47" s="217">
        <v>0.123</v>
      </c>
      <c r="D47" s="94">
        <v>2.8814075145601487E-2</v>
      </c>
      <c r="E47" s="217">
        <v>0.16900000000000001</v>
      </c>
      <c r="F47" s="94">
        <v>3.2746771164330772E-2</v>
      </c>
      <c r="G47" s="217">
        <v>0.60399999999999998</v>
      </c>
      <c r="H47" s="94">
        <v>4.2501644301195921E-2</v>
      </c>
      <c r="I47" s="217">
        <v>0.104</v>
      </c>
      <c r="J47" s="94">
        <v>2.6852792519641049E-2</v>
      </c>
      <c r="K47" s="213">
        <v>530</v>
      </c>
      <c r="L47" s="217">
        <v>0.11799999999999999</v>
      </c>
      <c r="M47" s="94">
        <v>2.8211870904105613E-2</v>
      </c>
      <c r="N47" s="217">
        <v>0.182</v>
      </c>
      <c r="O47" s="94">
        <v>3.3563098634819502E-2</v>
      </c>
      <c r="P47" s="217">
        <v>0.63800000000000001</v>
      </c>
      <c r="Q47" s="94">
        <v>4.1618945089985954E-2</v>
      </c>
      <c r="R47" s="217">
        <v>6.2E-2</v>
      </c>
      <c r="S47" s="94">
        <v>2.1379275750073982E-2</v>
      </c>
      <c r="T47" s="213">
        <v>526</v>
      </c>
      <c r="U47" s="217">
        <v>0.28200000000000003</v>
      </c>
      <c r="V47" s="94">
        <v>3.9160110281804959E-2</v>
      </c>
      <c r="W47" s="217">
        <v>0.24</v>
      </c>
      <c r="X47" s="94">
        <v>3.7205855379901322E-2</v>
      </c>
      <c r="Y47" s="217">
        <v>0.36599999999999999</v>
      </c>
      <c r="Z47" s="94">
        <v>4.1872584014120584E-2</v>
      </c>
      <c r="AA47" s="217">
        <v>0.112</v>
      </c>
      <c r="AB47" s="94">
        <v>2.7707336718217523E-2</v>
      </c>
      <c r="AC47" s="213">
        <v>526</v>
      </c>
      <c r="AD47" s="217">
        <v>0.14399999999999999</v>
      </c>
      <c r="AE47" s="94">
        <v>3.0735607446042309E-2</v>
      </c>
      <c r="AF47" s="217">
        <v>0.378</v>
      </c>
      <c r="AG47" s="94">
        <v>4.2144389394636522E-2</v>
      </c>
      <c r="AH47" s="217">
        <v>0.36599999999999999</v>
      </c>
      <c r="AI47" s="94">
        <v>4.1872584014120584E-2</v>
      </c>
      <c r="AJ47" s="217">
        <v>0.112</v>
      </c>
      <c r="AK47" s="94">
        <v>2.7707336718217523E-2</v>
      </c>
    </row>
    <row r="48" spans="1:85" ht="25.5">
      <c r="A48" s="49" t="s">
        <v>445</v>
      </c>
      <c r="B48" s="214">
        <v>172</v>
      </c>
      <c r="C48" s="218">
        <v>0.121</v>
      </c>
      <c r="D48" s="97">
        <v>5.0635493667133824E-2</v>
      </c>
      <c r="E48" s="218">
        <v>0.22</v>
      </c>
      <c r="F48" s="97">
        <v>6.3087806863974014E-2</v>
      </c>
      <c r="G48" s="218">
        <v>0.60199999999999998</v>
      </c>
      <c r="H48" s="97">
        <v>7.3864669732123037E-2</v>
      </c>
      <c r="I48" s="218">
        <v>5.6000000000000001E-2</v>
      </c>
      <c r="J48" s="97">
        <v>3.7453880981829529E-2</v>
      </c>
      <c r="K48" s="214">
        <v>173</v>
      </c>
      <c r="L48" s="218">
        <v>0.13700000000000001</v>
      </c>
      <c r="M48" s="97">
        <v>5.296184863131246E-2</v>
      </c>
      <c r="N48" s="218">
        <v>0.20599999999999999</v>
      </c>
      <c r="O48" s="97">
        <v>6.1511391297701938E-2</v>
      </c>
      <c r="P48" s="218">
        <v>0.623</v>
      </c>
      <c r="Q48" s="97">
        <v>7.2959561602719519E-2</v>
      </c>
      <c r="R48" s="218">
        <v>3.4000000000000002E-2</v>
      </c>
      <c r="S48" s="97">
        <v>3.1008676367025499E-2</v>
      </c>
      <c r="T48" s="214">
        <v>174</v>
      </c>
      <c r="U48" s="218">
        <v>0.316</v>
      </c>
      <c r="V48" s="97">
        <v>6.9935527475583445E-2</v>
      </c>
      <c r="W48" s="218">
        <v>0.253</v>
      </c>
      <c r="X48" s="97">
        <v>6.5634700467314844E-2</v>
      </c>
      <c r="Y48" s="218">
        <v>0.38900000000000001</v>
      </c>
      <c r="Z48" s="97">
        <v>7.3166967875056471E-2</v>
      </c>
      <c r="AA48" s="218">
        <v>4.2000000000000003E-2</v>
      </c>
      <c r="AB48" s="97">
        <v>3.3371476573254948E-2</v>
      </c>
      <c r="AC48" s="214">
        <v>174</v>
      </c>
      <c r="AD48" s="218">
        <v>0.16500000000000001</v>
      </c>
      <c r="AE48" s="97">
        <v>5.6640428664219845E-2</v>
      </c>
      <c r="AF48" s="218">
        <v>0.40400000000000003</v>
      </c>
      <c r="AG48" s="97">
        <v>7.3621190813783308E-2</v>
      </c>
      <c r="AH48" s="218">
        <v>0.38900000000000001</v>
      </c>
      <c r="AI48" s="97">
        <v>7.3166967875056471E-2</v>
      </c>
      <c r="AJ48" s="218">
        <v>4.2000000000000003E-2</v>
      </c>
      <c r="AK48" s="97">
        <v>3.3371476573254948E-2</v>
      </c>
    </row>
    <row r="49" spans="1:37">
      <c r="A49" s="45" t="s">
        <v>446</v>
      </c>
      <c r="B49" s="213">
        <v>122</v>
      </c>
      <c r="C49" s="217">
        <v>7.5999999999999998E-2</v>
      </c>
      <c r="D49" s="94">
        <v>5.0852157033183097E-2</v>
      </c>
      <c r="E49" s="217">
        <v>0.17399999999999999</v>
      </c>
      <c r="F49" s="94">
        <v>6.9090365594776035E-2</v>
      </c>
      <c r="G49" s="217">
        <v>0.56299999999999994</v>
      </c>
      <c r="H49" s="94">
        <v>8.8421609080478469E-2</v>
      </c>
      <c r="I49" s="217">
        <v>0.187</v>
      </c>
      <c r="J49" s="94">
        <v>7.0857003278407452E-2</v>
      </c>
      <c r="K49" s="213">
        <v>123</v>
      </c>
      <c r="L49" s="217">
        <v>3.4000000000000002E-2</v>
      </c>
      <c r="M49" s="94">
        <v>3.8190446481256642E-2</v>
      </c>
      <c r="N49" s="217">
        <v>0.16900000000000001</v>
      </c>
      <c r="O49" s="94">
        <v>6.8097150514596402E-2</v>
      </c>
      <c r="P49" s="217">
        <v>0.67700000000000005</v>
      </c>
      <c r="Q49" s="94">
        <v>8.3357384811850857E-2</v>
      </c>
      <c r="R49" s="217">
        <v>0.11899999999999999</v>
      </c>
      <c r="S49" s="94">
        <v>5.9878880374975532E-2</v>
      </c>
      <c r="T49" s="213">
        <v>120</v>
      </c>
      <c r="U49" s="217">
        <v>0.23799999999999999</v>
      </c>
      <c r="V49" s="94">
        <v>7.7399928190477724E-2</v>
      </c>
      <c r="W49" s="217">
        <v>0.19600000000000001</v>
      </c>
      <c r="X49" s="94">
        <v>7.2612572466749847E-2</v>
      </c>
      <c r="Y49" s="217">
        <v>0.35699999999999998</v>
      </c>
      <c r="Z49" s="94">
        <v>8.6294509122671892E-2</v>
      </c>
      <c r="AA49" s="217">
        <v>0.21</v>
      </c>
      <c r="AB49" s="94">
        <v>7.4322378309355758E-2</v>
      </c>
      <c r="AC49" s="213">
        <v>120</v>
      </c>
      <c r="AD49" s="217">
        <v>0.11600000000000001</v>
      </c>
      <c r="AE49" s="94">
        <v>6.0081624627986746E-2</v>
      </c>
      <c r="AF49" s="217">
        <v>0.318</v>
      </c>
      <c r="AG49" s="94">
        <v>8.4046562362936783E-2</v>
      </c>
      <c r="AH49" s="217">
        <v>0.35699999999999998</v>
      </c>
      <c r="AI49" s="94">
        <v>8.6294509122671892E-2</v>
      </c>
      <c r="AJ49" s="217">
        <v>0.21</v>
      </c>
      <c r="AK49" s="94">
        <v>7.4322378309355758E-2</v>
      </c>
    </row>
    <row r="50" spans="1:37">
      <c r="A50" s="49" t="s">
        <v>447</v>
      </c>
      <c r="B50" s="214">
        <v>97</v>
      </c>
      <c r="C50" s="218">
        <v>7.6999999999999999E-2</v>
      </c>
      <c r="D50" s="97">
        <v>5.8007493074358624E-2</v>
      </c>
      <c r="E50" s="218">
        <v>0.16200000000000001</v>
      </c>
      <c r="F50" s="97">
        <v>7.5681940243685242E-2</v>
      </c>
      <c r="G50" s="218">
        <v>0.66700000000000004</v>
      </c>
      <c r="H50" s="97">
        <v>9.4245579047094769E-2</v>
      </c>
      <c r="I50" s="218">
        <v>9.4E-2</v>
      </c>
      <c r="J50" s="97">
        <v>6.2287031501272551E-2</v>
      </c>
      <c r="K50" s="214">
        <v>98</v>
      </c>
      <c r="L50" s="218">
        <v>0.152</v>
      </c>
      <c r="M50" s="97">
        <v>7.3620146093639136E-2</v>
      </c>
      <c r="N50" s="218">
        <v>0.19900000000000001</v>
      </c>
      <c r="O50" s="97">
        <v>8.0772162798416744E-2</v>
      </c>
      <c r="P50" s="218">
        <v>0.59399999999999997</v>
      </c>
      <c r="Q50" s="97">
        <v>9.738611870887795E-2</v>
      </c>
      <c r="R50" s="218">
        <v>5.5E-2</v>
      </c>
      <c r="S50" s="97">
        <v>5.1335817039114301E-2</v>
      </c>
      <c r="T50" s="214">
        <v>96</v>
      </c>
      <c r="U50" s="218">
        <v>0.28399999999999997</v>
      </c>
      <c r="V50" s="97">
        <v>9.099490763773542E-2</v>
      </c>
      <c r="W50" s="218">
        <v>0.246</v>
      </c>
      <c r="X50" s="97">
        <v>8.7302246110853299E-2</v>
      </c>
      <c r="Y50" s="218">
        <v>0.34899999999999998</v>
      </c>
      <c r="Z50" s="97">
        <v>9.5705088349575224E-2</v>
      </c>
      <c r="AA50" s="218">
        <v>0.122</v>
      </c>
      <c r="AB50" s="97">
        <v>6.8794797942867747E-2</v>
      </c>
      <c r="AC50" s="214">
        <v>96</v>
      </c>
      <c r="AD50" s="218">
        <v>0.14299999999999999</v>
      </c>
      <c r="AE50" s="97">
        <v>7.281291138252885E-2</v>
      </c>
      <c r="AF50" s="218">
        <v>0.38700000000000001</v>
      </c>
      <c r="AG50" s="97">
        <v>9.7618049478567226E-2</v>
      </c>
      <c r="AH50" s="218">
        <v>0.34899999999999998</v>
      </c>
      <c r="AI50" s="97">
        <v>9.5705088349575224E-2</v>
      </c>
      <c r="AJ50" s="218">
        <v>0.122</v>
      </c>
      <c r="AK50" s="97">
        <v>6.8794797942867747E-2</v>
      </c>
    </row>
    <row r="51" spans="1:37">
      <c r="A51" s="57" t="s">
        <v>448</v>
      </c>
      <c r="B51" s="213">
        <v>135</v>
      </c>
      <c r="C51" s="217">
        <v>0.26900000000000002</v>
      </c>
      <c r="D51" s="94">
        <v>7.58009410684575E-2</v>
      </c>
      <c r="E51" s="217">
        <v>7.4999999999999997E-2</v>
      </c>
      <c r="F51" s="94">
        <v>4.7867053680275065E-2</v>
      </c>
      <c r="G51" s="217">
        <v>0.60099999999999998</v>
      </c>
      <c r="H51" s="94">
        <v>8.3170564161594795E-2</v>
      </c>
      <c r="I51" s="217">
        <v>5.5E-2</v>
      </c>
      <c r="J51" s="94">
        <v>4.2649022669954337E-2</v>
      </c>
      <c r="K51" s="213">
        <v>136</v>
      </c>
      <c r="L51" s="217">
        <v>0.188</v>
      </c>
      <c r="M51" s="94">
        <v>6.7217992870939464E-2</v>
      </c>
      <c r="N51" s="217">
        <v>0.14299999999999999</v>
      </c>
      <c r="O51" s="94">
        <v>6.088156183466855E-2</v>
      </c>
      <c r="P51" s="217">
        <v>0.64900000000000002</v>
      </c>
      <c r="Q51" s="94">
        <v>8.0896672244134535E-2</v>
      </c>
      <c r="R51" s="217">
        <v>0.02</v>
      </c>
      <c r="S51" s="94">
        <v>3.0508843052026374E-2</v>
      </c>
      <c r="T51" s="213">
        <v>136</v>
      </c>
      <c r="U51" s="217">
        <v>0.29799999999999999</v>
      </c>
      <c r="V51" s="94">
        <v>7.7734777610447767E-2</v>
      </c>
      <c r="W51" s="217">
        <v>0.28699999999999998</v>
      </c>
      <c r="X51" s="94">
        <v>7.6939025647836765E-2</v>
      </c>
      <c r="Y51" s="217">
        <v>0.36299999999999999</v>
      </c>
      <c r="Z51" s="94">
        <v>8.1466591338862193E-2</v>
      </c>
      <c r="AA51" s="217">
        <v>5.1999999999999998E-2</v>
      </c>
      <c r="AB51" s="94">
        <v>4.1610767837183683E-2</v>
      </c>
      <c r="AC51" s="213">
        <v>136</v>
      </c>
      <c r="AD51" s="217">
        <v>0.156</v>
      </c>
      <c r="AE51" s="94">
        <v>6.2867083444025126E-2</v>
      </c>
      <c r="AF51" s="217">
        <v>0.42899999999999994</v>
      </c>
      <c r="AG51" s="94">
        <v>8.3707473986294564E-2</v>
      </c>
      <c r="AH51" s="217">
        <v>0.36299999999999999</v>
      </c>
      <c r="AI51" s="94">
        <v>8.1466591338862193E-2</v>
      </c>
      <c r="AJ51" s="217">
        <v>5.1999999999999998E-2</v>
      </c>
      <c r="AK51" s="94">
        <v>4.1610767837183683E-2</v>
      </c>
    </row>
    <row r="52" spans="1:37">
      <c r="A52" s="49" t="s">
        <v>457</v>
      </c>
      <c r="B52" s="214">
        <v>748</v>
      </c>
      <c r="C52" s="218">
        <v>0.19700000000000001</v>
      </c>
      <c r="D52" s="97">
        <v>2.9096784013417625E-2</v>
      </c>
      <c r="E52" s="218">
        <v>0.154</v>
      </c>
      <c r="F52" s="97">
        <v>2.6452907504391384E-2</v>
      </c>
      <c r="G52" s="218">
        <v>0.56399999999999995</v>
      </c>
      <c r="H52" s="97">
        <v>3.6169478329826948E-2</v>
      </c>
      <c r="I52" s="218">
        <v>8.5000000000000006E-2</v>
      </c>
      <c r="J52" s="97">
        <v>2.0577087550783617E-2</v>
      </c>
      <c r="K52" s="214">
        <v>745</v>
      </c>
      <c r="L52" s="218">
        <v>0.12</v>
      </c>
      <c r="M52" s="97">
        <v>2.3920005173534396E-2</v>
      </c>
      <c r="N52" s="218">
        <v>0.183</v>
      </c>
      <c r="O52" s="97">
        <v>2.8357949251832729E-2</v>
      </c>
      <c r="P52" s="218">
        <v>0.64300000000000002</v>
      </c>
      <c r="Q52" s="97">
        <v>3.5029556901543447E-2</v>
      </c>
      <c r="R52" s="218">
        <v>5.2999999999999999E-2</v>
      </c>
      <c r="S52" s="97">
        <v>1.6715548892928634E-2</v>
      </c>
      <c r="T52" s="214">
        <v>748</v>
      </c>
      <c r="U52" s="218">
        <v>0.32</v>
      </c>
      <c r="V52" s="97">
        <v>3.404813271246613E-2</v>
      </c>
      <c r="W52" s="218">
        <v>0.30599999999999999</v>
      </c>
      <c r="X52" s="97">
        <v>3.3641043046987007E-2</v>
      </c>
      <c r="Y52" s="218">
        <v>0.26200000000000001</v>
      </c>
      <c r="Z52" s="97">
        <v>3.2119871318104863E-2</v>
      </c>
      <c r="AA52" s="218">
        <v>0.112</v>
      </c>
      <c r="AB52" s="97">
        <v>2.3184421645347786E-2</v>
      </c>
      <c r="AC52" s="214">
        <v>748</v>
      </c>
      <c r="AD52" s="218">
        <v>0.154</v>
      </c>
      <c r="AE52" s="97">
        <v>2.6452907504391384E-2</v>
      </c>
      <c r="AF52" s="218">
        <v>0.47199999999999998</v>
      </c>
      <c r="AG52" s="97">
        <v>3.6409631517675664E-2</v>
      </c>
      <c r="AH52" s="218">
        <v>0.26200000000000001</v>
      </c>
      <c r="AI52" s="97">
        <v>3.2119871318104863E-2</v>
      </c>
      <c r="AJ52" s="218">
        <v>0.112</v>
      </c>
      <c r="AK52" s="97">
        <v>2.3184421645347786E-2</v>
      </c>
    </row>
    <row r="53" spans="1:37">
      <c r="A53" s="57" t="s">
        <v>449</v>
      </c>
      <c r="B53" s="213">
        <v>133</v>
      </c>
      <c r="C53" s="217">
        <v>0.23799999999999999</v>
      </c>
      <c r="D53" s="94">
        <v>7.3555360122246408E-2</v>
      </c>
      <c r="E53" s="217">
        <v>0.246</v>
      </c>
      <c r="F53" s="94">
        <v>7.4323490945592041E-2</v>
      </c>
      <c r="G53" s="217">
        <v>0.46899999999999997</v>
      </c>
      <c r="H53" s="94">
        <v>8.5280866589647675E-2</v>
      </c>
      <c r="I53" s="217">
        <v>4.7E-2</v>
      </c>
      <c r="J53" s="94">
        <v>4.0651293651097958E-2</v>
      </c>
      <c r="K53" s="213">
        <v>133</v>
      </c>
      <c r="L53" s="217">
        <v>0.19500000000000001</v>
      </c>
      <c r="M53" s="94">
        <v>6.884401406020306E-2</v>
      </c>
      <c r="N53" s="217">
        <v>0.185</v>
      </c>
      <c r="O53" s="94">
        <v>6.7593584608562379E-2</v>
      </c>
      <c r="P53" s="217">
        <v>0.52900000000000003</v>
      </c>
      <c r="Q53" s="94">
        <v>8.5300224208329889E-2</v>
      </c>
      <c r="R53" s="217">
        <v>9.0999999999999998E-2</v>
      </c>
      <c r="S53" s="94">
        <v>5.1924884440264697E-2</v>
      </c>
      <c r="T53" s="213">
        <v>134</v>
      </c>
      <c r="U53" s="217">
        <v>0.379</v>
      </c>
      <c r="V53" s="94">
        <v>8.2742038952579394E-2</v>
      </c>
      <c r="W53" s="217">
        <v>0.251</v>
      </c>
      <c r="X53" s="94">
        <v>7.4511193621160071E-2</v>
      </c>
      <c r="Y53" s="217">
        <v>0.25900000000000001</v>
      </c>
      <c r="Z53" s="94">
        <v>7.5226656002842396E-2</v>
      </c>
      <c r="AA53" s="217">
        <v>0.11</v>
      </c>
      <c r="AB53" s="94">
        <v>5.5583754019112794E-2</v>
      </c>
      <c r="AC53" s="213">
        <v>134</v>
      </c>
      <c r="AD53" s="217">
        <v>0.224</v>
      </c>
      <c r="AE53" s="94">
        <v>7.1864606999067604E-2</v>
      </c>
      <c r="AF53" s="217">
        <v>0.40600000000000003</v>
      </c>
      <c r="AG53" s="94">
        <v>8.3695238767072216E-2</v>
      </c>
      <c r="AH53" s="217">
        <v>0.25900000000000001</v>
      </c>
      <c r="AI53" s="94">
        <v>7.5226656002842396E-2</v>
      </c>
      <c r="AJ53" s="217">
        <v>0.11</v>
      </c>
      <c r="AK53" s="94">
        <v>5.5583754019112794E-2</v>
      </c>
    </row>
    <row r="54" spans="1:37">
      <c r="A54" s="49" t="s">
        <v>450</v>
      </c>
      <c r="B54" s="214">
        <v>108</v>
      </c>
      <c r="C54" s="218">
        <v>0.105</v>
      </c>
      <c r="D54" s="97">
        <v>6.1214094833960488E-2</v>
      </c>
      <c r="E54" s="218">
        <v>0.114</v>
      </c>
      <c r="F54" s="97">
        <v>6.3091918632999303E-2</v>
      </c>
      <c r="G54" s="218">
        <v>0.72899999999999998</v>
      </c>
      <c r="H54" s="97">
        <v>8.477657541268474E-2</v>
      </c>
      <c r="I54" s="218">
        <v>5.1999999999999998E-2</v>
      </c>
      <c r="J54" s="97">
        <v>4.7575503900942256E-2</v>
      </c>
      <c r="K54" s="214">
        <v>107</v>
      </c>
      <c r="L54" s="218">
        <v>2.1999999999999999E-2</v>
      </c>
      <c r="M54" s="97">
        <v>3.6852081697655172E-2</v>
      </c>
      <c r="N54" s="218">
        <v>0.18</v>
      </c>
      <c r="O54" s="97">
        <v>7.4699929196806042E-2</v>
      </c>
      <c r="P54" s="218">
        <v>0.752</v>
      </c>
      <c r="Q54" s="97">
        <v>8.2961056495323829E-2</v>
      </c>
      <c r="R54" s="218">
        <v>4.5999999999999999E-2</v>
      </c>
      <c r="S54" s="97">
        <v>4.5902970841887998E-2</v>
      </c>
      <c r="T54" s="214">
        <v>108</v>
      </c>
      <c r="U54" s="218">
        <v>0.245</v>
      </c>
      <c r="V54" s="97">
        <v>8.2274953402366124E-2</v>
      </c>
      <c r="W54" s="218">
        <v>0.39300000000000002</v>
      </c>
      <c r="X54" s="97">
        <v>9.2457361291948897E-2</v>
      </c>
      <c r="Y54" s="218">
        <v>0.29500000000000004</v>
      </c>
      <c r="Z54" s="97">
        <v>8.679268863174544E-2</v>
      </c>
      <c r="AA54" s="218">
        <v>6.6000000000000003E-2</v>
      </c>
      <c r="AB54" s="97">
        <v>5.1705812743139158E-2</v>
      </c>
      <c r="AC54" s="214">
        <v>108</v>
      </c>
      <c r="AD54" s="218">
        <v>0.14099999999999999</v>
      </c>
      <c r="AE54" s="97">
        <v>6.8180536781734719E-2</v>
      </c>
      <c r="AF54" s="218">
        <v>0.497</v>
      </c>
      <c r="AG54" s="97">
        <v>9.4489536718084563E-2</v>
      </c>
      <c r="AH54" s="218">
        <v>0.29500000000000004</v>
      </c>
      <c r="AI54" s="97">
        <v>8.679268863174544E-2</v>
      </c>
      <c r="AJ54" s="218">
        <v>6.6000000000000003E-2</v>
      </c>
      <c r="AK54" s="97">
        <v>5.1705812743139158E-2</v>
      </c>
    </row>
    <row r="55" spans="1:37" ht="25.5">
      <c r="A55" s="57" t="s">
        <v>451</v>
      </c>
      <c r="B55" s="213">
        <v>189</v>
      </c>
      <c r="C55" s="217">
        <v>0.17799999999999999</v>
      </c>
      <c r="D55" s="94">
        <v>5.5862385646537602E-2</v>
      </c>
      <c r="E55" s="217">
        <v>0.13700000000000001</v>
      </c>
      <c r="F55" s="94">
        <v>5.0620262009784617E-2</v>
      </c>
      <c r="G55" s="217">
        <v>0.54100000000000004</v>
      </c>
      <c r="H55" s="94">
        <v>7.1749124917026327E-2</v>
      </c>
      <c r="I55" s="217">
        <v>0.14499999999999999</v>
      </c>
      <c r="J55" s="94">
        <v>5.1735617500281009E-2</v>
      </c>
      <c r="K55" s="213">
        <v>189</v>
      </c>
      <c r="L55" s="217">
        <v>0.1</v>
      </c>
      <c r="M55" s="94">
        <v>4.4736047450048173E-2</v>
      </c>
      <c r="N55" s="217">
        <v>0.20399999999999999</v>
      </c>
      <c r="O55" s="94">
        <v>5.8651180423899767E-2</v>
      </c>
      <c r="P55" s="217">
        <v>0.621</v>
      </c>
      <c r="Q55" s="94">
        <v>6.9931067748503259E-2</v>
      </c>
      <c r="R55" s="217">
        <v>7.4999999999999997E-2</v>
      </c>
      <c r="S55" s="94">
        <v>3.9892202065445054E-2</v>
      </c>
      <c r="T55" s="213">
        <v>188</v>
      </c>
      <c r="U55" s="217">
        <v>0.23599999999999999</v>
      </c>
      <c r="V55" s="94">
        <v>6.177542492771701E-2</v>
      </c>
      <c r="W55" s="217">
        <v>0.27200000000000002</v>
      </c>
      <c r="X55" s="94">
        <v>6.4575446427028282E-2</v>
      </c>
      <c r="Y55" s="217">
        <v>0.36599999999999999</v>
      </c>
      <c r="Z55" s="94">
        <v>6.9639603983636236E-2</v>
      </c>
      <c r="AA55" s="217">
        <v>0.125</v>
      </c>
      <c r="AB55" s="94">
        <v>4.8984125796814271E-2</v>
      </c>
      <c r="AC55" s="213">
        <v>188</v>
      </c>
      <c r="AD55" s="217">
        <v>0.10199999999999999</v>
      </c>
      <c r="AE55" s="94">
        <v>4.5214169730147358E-2</v>
      </c>
      <c r="AF55" s="217">
        <v>0.40600000000000003</v>
      </c>
      <c r="AG55" s="94">
        <v>7.0935465330177375E-2</v>
      </c>
      <c r="AH55" s="217">
        <v>0.36599999999999999</v>
      </c>
      <c r="AI55" s="94">
        <v>6.9639603983636236E-2</v>
      </c>
      <c r="AJ55" s="217">
        <v>0.125</v>
      </c>
      <c r="AK55" s="94">
        <v>4.8984125796814271E-2</v>
      </c>
    </row>
    <row r="56" spans="1:37">
      <c r="A56" s="49" t="s">
        <v>452</v>
      </c>
      <c r="B56" s="214">
        <v>85</v>
      </c>
      <c r="C56" s="218">
        <v>0.27200000000000002</v>
      </c>
      <c r="D56" s="97">
        <v>9.5419526463138379E-2</v>
      </c>
      <c r="E56" s="218">
        <v>0.22500000000000001</v>
      </c>
      <c r="F56" s="97">
        <v>9.0198282033242053E-2</v>
      </c>
      <c r="G56" s="218">
        <v>0.47</v>
      </c>
      <c r="H56" s="97">
        <v>0.10582561040133263</v>
      </c>
      <c r="I56" s="218">
        <v>3.4000000000000002E-2</v>
      </c>
      <c r="J56" s="97">
        <v>4.8308464303042489E-2</v>
      </c>
      <c r="K56" s="214">
        <v>83</v>
      </c>
      <c r="L56" s="218">
        <v>6.2E-2</v>
      </c>
      <c r="M56" s="97">
        <v>5.8875005457151734E-2</v>
      </c>
      <c r="N56" s="218">
        <v>0.32500000000000001</v>
      </c>
      <c r="O56" s="97">
        <v>0.1010579335856199</v>
      </c>
      <c r="P56" s="218">
        <v>0.55900000000000005</v>
      </c>
      <c r="Q56" s="97">
        <v>0.10652973974021135</v>
      </c>
      <c r="R56" s="218">
        <v>5.3999999999999999E-2</v>
      </c>
      <c r="S56" s="97">
        <v>5.6305668554209279E-2</v>
      </c>
      <c r="T56" s="214">
        <v>85</v>
      </c>
      <c r="U56" s="218">
        <v>0.17699999999999999</v>
      </c>
      <c r="V56" s="97">
        <v>8.3420728324936702E-2</v>
      </c>
      <c r="W56" s="218">
        <v>0.441</v>
      </c>
      <c r="X56" s="97">
        <v>0.10532451029678473</v>
      </c>
      <c r="Y56" s="218">
        <v>0.21000000000000002</v>
      </c>
      <c r="Z56" s="97">
        <v>8.8251345094904468E-2</v>
      </c>
      <c r="AA56" s="218">
        <v>0.17100000000000001</v>
      </c>
      <c r="AB56" s="97">
        <v>8.2453905954513629E-2</v>
      </c>
      <c r="AC56" s="214">
        <v>85</v>
      </c>
      <c r="AD56" s="218">
        <v>5.8999999999999997E-2</v>
      </c>
      <c r="AE56" s="97">
        <v>5.7124975113935141E-2</v>
      </c>
      <c r="AF56" s="218">
        <v>0.55899999999999994</v>
      </c>
      <c r="AG56" s="97">
        <v>0.10532451029678473</v>
      </c>
      <c r="AH56" s="218">
        <v>0.21000000000000002</v>
      </c>
      <c r="AI56" s="97">
        <v>8.8251345094904468E-2</v>
      </c>
      <c r="AJ56" s="218">
        <v>0.17100000000000001</v>
      </c>
      <c r="AK56" s="97">
        <v>8.2453905954513629E-2</v>
      </c>
    </row>
    <row r="57" spans="1:37">
      <c r="A57" s="57" t="s">
        <v>453</v>
      </c>
      <c r="B57" s="213">
        <v>100</v>
      </c>
      <c r="C57" s="217">
        <v>0.14000000000000001</v>
      </c>
      <c r="D57" s="94">
        <v>7.0758939308292301E-2</v>
      </c>
      <c r="E57" s="217">
        <v>0.124</v>
      </c>
      <c r="F57" s="94">
        <v>6.7735327911262411E-2</v>
      </c>
      <c r="G57" s="217">
        <v>0.59099999999999997</v>
      </c>
      <c r="H57" s="94">
        <v>9.6544877966355427E-2</v>
      </c>
      <c r="I57" s="217">
        <v>0.14499999999999999</v>
      </c>
      <c r="J57" s="94">
        <v>7.1651615273659625E-2</v>
      </c>
      <c r="K57" s="213">
        <v>99</v>
      </c>
      <c r="L57" s="217">
        <v>8.8999999999999996E-2</v>
      </c>
      <c r="M57" s="94">
        <v>6.0401349846742537E-2</v>
      </c>
      <c r="N57" s="217">
        <v>0.17299999999999999</v>
      </c>
      <c r="O57" s="94">
        <v>7.6631738135208169E-2</v>
      </c>
      <c r="P57" s="217">
        <v>0.67600000000000005</v>
      </c>
      <c r="Q57" s="94">
        <v>9.2722194188838453E-2</v>
      </c>
      <c r="R57" s="217">
        <v>6.0999999999999999E-2</v>
      </c>
      <c r="S57" s="94">
        <v>5.2862513932960958E-2</v>
      </c>
      <c r="T57" s="213">
        <v>98</v>
      </c>
      <c r="U57" s="217">
        <v>0.376</v>
      </c>
      <c r="V57" s="94">
        <v>9.6162916193103118E-2</v>
      </c>
      <c r="W57" s="217">
        <v>0.379</v>
      </c>
      <c r="X57" s="94">
        <v>9.6301161145869285E-2</v>
      </c>
      <c r="Y57" s="217">
        <v>0.151</v>
      </c>
      <c r="Z57" s="94">
        <v>7.3448582922003403E-2</v>
      </c>
      <c r="AA57" s="217">
        <v>9.5000000000000001E-2</v>
      </c>
      <c r="AB57" s="94">
        <v>6.2178571665872429E-2</v>
      </c>
      <c r="AC57" s="213">
        <v>98</v>
      </c>
      <c r="AD57" s="217">
        <v>0.124</v>
      </c>
      <c r="AE57" s="94">
        <v>6.8454907387731564E-2</v>
      </c>
      <c r="AF57" s="217">
        <v>0.63100000000000001</v>
      </c>
      <c r="AG57" s="94">
        <v>9.5826348130024788E-2</v>
      </c>
      <c r="AH57" s="217">
        <v>0.151</v>
      </c>
      <c r="AI57" s="94">
        <v>7.3448582922003403E-2</v>
      </c>
      <c r="AJ57" s="217">
        <v>9.5000000000000001E-2</v>
      </c>
      <c r="AK57" s="94">
        <v>6.2178571665872429E-2</v>
      </c>
    </row>
    <row r="58" spans="1:37">
      <c r="A58" s="49" t="s">
        <v>454</v>
      </c>
      <c r="B58" s="214">
        <v>133</v>
      </c>
      <c r="C58" s="218">
        <v>0.27900000000000003</v>
      </c>
      <c r="D58" s="97">
        <v>7.7170660007326627E-2</v>
      </c>
      <c r="E58" s="218">
        <v>0.14799999999999999</v>
      </c>
      <c r="F58" s="97">
        <v>6.2368260150734017E-2</v>
      </c>
      <c r="G58" s="218">
        <v>0.53600000000000003</v>
      </c>
      <c r="H58" s="97">
        <v>8.5226803301097873E-2</v>
      </c>
      <c r="I58" s="218">
        <v>3.7999999999999999E-2</v>
      </c>
      <c r="J58" s="97">
        <v>3.7761421131953798E-2</v>
      </c>
      <c r="K58" s="214">
        <v>134</v>
      </c>
      <c r="L58" s="218">
        <v>0.20799999999999999</v>
      </c>
      <c r="M58" s="97">
        <v>7.0115268491412697E-2</v>
      </c>
      <c r="N58" s="218">
        <v>0.128</v>
      </c>
      <c r="O58" s="97">
        <v>5.8859202233086806E-2</v>
      </c>
      <c r="P58" s="218">
        <v>0.65800000000000003</v>
      </c>
      <c r="Q58" s="97">
        <v>8.1019270325526513E-2</v>
      </c>
      <c r="R58" s="218">
        <v>6.0000000000000001E-3</v>
      </c>
      <c r="S58" s="97">
        <v>2.4020513755505905E-2</v>
      </c>
      <c r="T58" s="214">
        <v>135</v>
      </c>
      <c r="U58" s="218">
        <v>0.42600000000000005</v>
      </c>
      <c r="V58" s="97">
        <v>8.3938077675263637E-2</v>
      </c>
      <c r="W58" s="218">
        <v>0.21</v>
      </c>
      <c r="X58" s="97">
        <v>7.008127724219651E-2</v>
      </c>
      <c r="Y58" s="218">
        <v>0.24099999999999999</v>
      </c>
      <c r="Z58" s="97">
        <v>7.3303199304099856E-2</v>
      </c>
      <c r="AA58" s="218">
        <v>0.123</v>
      </c>
      <c r="AB58" s="97">
        <v>5.7759956567232144E-2</v>
      </c>
      <c r="AC58" s="214">
        <v>135</v>
      </c>
      <c r="AD58" s="218">
        <v>0.23</v>
      </c>
      <c r="AE58" s="97">
        <v>7.221775901225716E-2</v>
      </c>
      <c r="AF58" s="218">
        <v>0.40600000000000003</v>
      </c>
      <c r="AG58" s="97">
        <v>8.3393015863213266E-2</v>
      </c>
      <c r="AH58" s="218">
        <v>0.24099999999999999</v>
      </c>
      <c r="AI58" s="97">
        <v>7.3303199304099856E-2</v>
      </c>
      <c r="AJ58" s="218">
        <v>0.123</v>
      </c>
      <c r="AK58" s="97">
        <v>5.7759956567232144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5" t="s">
        <v>481</v>
      </c>
      <c r="F1" s="306"/>
      <c r="G1" s="306"/>
      <c r="H1" s="306"/>
      <c r="I1" s="306"/>
      <c r="J1" s="306"/>
      <c r="K1" s="306"/>
      <c r="L1" s="306"/>
      <c r="M1" s="306"/>
      <c r="N1" s="306"/>
    </row>
    <row r="2" spans="1:14" ht="21">
      <c r="A2" s="225"/>
      <c r="B2" s="13"/>
      <c r="C2" s="13"/>
      <c r="D2" s="13"/>
      <c r="E2" s="13"/>
      <c r="F2" s="307"/>
      <c r="G2" s="307"/>
      <c r="H2" s="307"/>
      <c r="I2" s="307"/>
      <c r="J2" s="307"/>
      <c r="K2" s="307"/>
      <c r="L2" s="307"/>
      <c r="M2" s="307"/>
      <c r="N2" s="307"/>
    </row>
    <row r="3" spans="1:14" s="12" customFormat="1" ht="21">
      <c r="A3" s="236" t="s">
        <v>172</v>
      </c>
      <c r="B3" s="11"/>
      <c r="C3" s="11"/>
      <c r="D3" s="11"/>
      <c r="E3" s="11"/>
      <c r="F3" s="20"/>
      <c r="G3" s="20"/>
      <c r="H3" s="20"/>
      <c r="I3" s="20"/>
      <c r="J3" s="20"/>
      <c r="K3" s="20"/>
      <c r="L3" s="20"/>
      <c r="M3" s="20"/>
      <c r="N3" s="20"/>
    </row>
    <row r="4" spans="1:14" s="12" customFormat="1" ht="31.5">
      <c r="A4" s="237" t="s">
        <v>479</v>
      </c>
      <c r="B4" s="11"/>
      <c r="C4" s="11"/>
      <c r="D4" s="11"/>
      <c r="E4" s="11"/>
      <c r="F4" s="20"/>
      <c r="G4" s="20"/>
      <c r="H4" s="20"/>
      <c r="I4" s="20"/>
      <c r="J4" s="20"/>
      <c r="K4" s="20"/>
      <c r="L4" s="20"/>
      <c r="M4" s="20"/>
      <c r="N4" s="20"/>
    </row>
    <row r="5" spans="1:14" ht="18.75" customHeight="1">
      <c r="A5" s="225"/>
      <c r="B5" s="13"/>
      <c r="C5" s="13"/>
      <c r="D5" s="13"/>
      <c r="E5" s="13"/>
      <c r="F5" s="20"/>
      <c r="G5" s="20"/>
      <c r="H5" s="20"/>
      <c r="I5" s="20"/>
      <c r="J5" s="20"/>
      <c r="K5" s="20"/>
      <c r="L5" s="20"/>
      <c r="M5" s="20"/>
      <c r="N5" s="20"/>
    </row>
    <row r="6" spans="1:14">
      <c r="A6" s="238" t="s">
        <v>173</v>
      </c>
      <c r="B6" s="13"/>
      <c r="C6" s="13"/>
      <c r="D6" s="13"/>
      <c r="E6" s="13"/>
    </row>
    <row r="7" spans="1:14" ht="51" customHeight="1">
      <c r="A7" s="239" t="s">
        <v>246</v>
      </c>
      <c r="B7" s="13"/>
      <c r="C7" s="13"/>
      <c r="D7" s="13"/>
      <c r="E7" s="13"/>
      <c r="F7" s="13"/>
      <c r="G7" s="13"/>
    </row>
    <row r="8" spans="1:14">
      <c r="A8" s="219"/>
      <c r="B8" s="13"/>
      <c r="C8" s="13"/>
      <c r="D8" s="13"/>
      <c r="E8" s="13"/>
      <c r="F8" s="13"/>
      <c r="G8" s="13"/>
    </row>
    <row r="9" spans="1:14">
      <c r="A9" s="236" t="s">
        <v>174</v>
      </c>
      <c r="B9" s="13"/>
      <c r="C9" s="13"/>
      <c r="D9" s="13"/>
      <c r="E9" s="13"/>
      <c r="F9" s="13"/>
      <c r="G9" s="13"/>
    </row>
    <row r="10" spans="1:14" ht="30">
      <c r="A10" s="237" t="s">
        <v>485</v>
      </c>
      <c r="B10" s="13"/>
      <c r="C10" s="13"/>
      <c r="D10" s="13"/>
      <c r="E10" s="13"/>
      <c r="F10" s="13"/>
      <c r="G10" s="13"/>
    </row>
    <row r="11" spans="1:14">
      <c r="A11" s="225"/>
      <c r="B11" s="14"/>
      <c r="C11" s="14"/>
      <c r="D11" s="14"/>
      <c r="E11" s="14"/>
    </row>
    <row r="12" spans="1:14">
      <c r="A12" s="236" t="s">
        <v>175</v>
      </c>
    </row>
    <row r="13" spans="1:14" ht="135">
      <c r="A13" s="237" t="s">
        <v>480</v>
      </c>
    </row>
    <row r="14" spans="1:14">
      <c r="A14" s="219"/>
    </row>
    <row r="15" spans="1:14">
      <c r="A15" s="238" t="s">
        <v>2</v>
      </c>
    </row>
    <row r="16" spans="1:14" ht="45">
      <c r="A16" s="239"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8"/>
  <sheetViews>
    <sheetView workbookViewId="0"/>
  </sheetViews>
  <sheetFormatPr defaultColWidth="8.85546875" defaultRowHeight="15"/>
  <cols>
    <col min="1" max="1" width="128.28515625" style="304" customWidth="1"/>
    <col min="2" max="7" width="8.85546875" style="2"/>
    <col min="8" max="8" width="19.42578125" style="2" customWidth="1"/>
    <col min="9" max="10" width="8.85546875" style="2"/>
    <col min="11" max="11" width="9.140625" style="2" customWidth="1"/>
    <col min="12" max="16384" width="8.85546875" style="2"/>
  </cols>
  <sheetData>
    <row r="1" spans="1:14" ht="23.25">
      <c r="A1" s="235" t="s">
        <v>460</v>
      </c>
      <c r="B1" s="9"/>
      <c r="C1" s="9"/>
      <c r="D1" s="9"/>
      <c r="E1" s="9"/>
      <c r="F1" s="9"/>
      <c r="G1" s="9"/>
      <c r="N1" s="8"/>
    </row>
    <row r="2" spans="1:14" ht="75">
      <c r="A2" s="299" t="s">
        <v>461</v>
      </c>
      <c r="B2" s="6"/>
      <c r="C2" s="6"/>
      <c r="D2" s="6"/>
    </row>
    <row r="3" spans="1:14" s="17" customFormat="1">
      <c r="A3" s="237"/>
      <c r="B3" s="13"/>
      <c r="C3" s="13"/>
      <c r="D3" s="13"/>
    </row>
    <row r="4" spans="1:14" s="18" customFormat="1">
      <c r="A4" s="236" t="s">
        <v>436</v>
      </c>
      <c r="B4" s="13"/>
      <c r="C4" s="13"/>
      <c r="D4" s="13"/>
    </row>
    <row r="5" spans="1:14" s="18" customFormat="1" ht="30">
      <c r="A5" s="237" t="s">
        <v>458</v>
      </c>
      <c r="B5" s="13"/>
      <c r="C5" s="13"/>
      <c r="D5" s="13"/>
    </row>
    <row r="6" spans="1:14" s="18" customFormat="1">
      <c r="A6" s="237"/>
      <c r="B6" s="13"/>
      <c r="C6" s="13"/>
      <c r="D6" s="13"/>
    </row>
    <row r="7" spans="1:14">
      <c r="A7" s="300" t="s">
        <v>437</v>
      </c>
    </row>
    <row r="8" spans="1:14" ht="36" customHeight="1">
      <c r="A8" s="301" t="s">
        <v>478</v>
      </c>
    </row>
    <row r="9" spans="1:14" s="17" customFormat="1">
      <c r="A9" s="301"/>
    </row>
    <row r="10" spans="1:14">
      <c r="A10" s="302" t="s">
        <v>438</v>
      </c>
    </row>
    <row r="11" spans="1:14" ht="36" customHeight="1">
      <c r="A11" s="301" t="s">
        <v>459</v>
      </c>
    </row>
    <row r="12" spans="1:14">
      <c r="A12" s="301"/>
    </row>
    <row r="13" spans="1:14" s="19" customFormat="1">
      <c r="A13" s="302" t="s">
        <v>439</v>
      </c>
    </row>
    <row r="14" spans="1:14" s="19" customFormat="1" ht="30">
      <c r="A14" s="301" t="s">
        <v>482</v>
      </c>
    </row>
    <row r="15" spans="1:14" s="19" customFormat="1">
      <c r="A15" s="237"/>
    </row>
    <row r="16" spans="1:14" s="19" customFormat="1">
      <c r="A16" s="300" t="s">
        <v>440</v>
      </c>
    </row>
    <row r="17" spans="1:1" s="19" customFormat="1" ht="45">
      <c r="A17" s="301" t="s">
        <v>483</v>
      </c>
    </row>
    <row r="18" spans="1:1" s="19" customFormat="1">
      <c r="A18" s="305"/>
    </row>
    <row r="19" spans="1:1" s="19" customFormat="1">
      <c r="A19" s="303" t="s">
        <v>455</v>
      </c>
    </row>
    <row r="20" spans="1:1" s="19" customFormat="1" ht="45">
      <c r="A20" s="299" t="s">
        <v>463</v>
      </c>
    </row>
    <row r="21" spans="1:1">
      <c r="A21" s="219"/>
    </row>
    <row r="22" spans="1:1">
      <c r="A22" s="238" t="s">
        <v>441</v>
      </c>
    </row>
    <row r="23" spans="1:1" ht="30">
      <c r="A23" s="299" t="s">
        <v>462</v>
      </c>
    </row>
    <row r="24" spans="1:1" s="220" customFormat="1">
      <c r="A24" s="224"/>
    </row>
    <row r="25" spans="1:1">
      <c r="A25" s="238" t="s">
        <v>442</v>
      </c>
    </row>
    <row r="26" spans="1:1" ht="30">
      <c r="A26" s="299" t="s">
        <v>464</v>
      </c>
    </row>
    <row r="27" spans="1:1">
      <c r="A27" s="219"/>
    </row>
    <row r="28" spans="1:1">
      <c r="A28" s="238" t="s">
        <v>443</v>
      </c>
    </row>
    <row r="29" spans="1:1" ht="30">
      <c r="A29" s="299" t="s">
        <v>465</v>
      </c>
    </row>
    <row r="30" spans="1:1">
      <c r="A30" s="219"/>
    </row>
    <row r="31" spans="1:1">
      <c r="A31" s="238" t="s">
        <v>444</v>
      </c>
    </row>
    <row r="32" spans="1:1" ht="30">
      <c r="A32" s="299" t="s">
        <v>466</v>
      </c>
    </row>
    <row r="33" spans="1:1">
      <c r="A33" s="224"/>
    </row>
    <row r="34" spans="1:1">
      <c r="A34" s="238" t="s">
        <v>456</v>
      </c>
    </row>
    <row r="35" spans="1:1" ht="45">
      <c r="A35" s="299" t="s">
        <v>484</v>
      </c>
    </row>
    <row r="36" spans="1:1">
      <c r="A36" s="224"/>
    </row>
    <row r="37" spans="1:1">
      <c r="A37" s="238" t="s">
        <v>445</v>
      </c>
    </row>
    <row r="38" spans="1:1" ht="30">
      <c r="A38" s="299" t="s">
        <v>467</v>
      </c>
    </row>
    <row r="39" spans="1:1">
      <c r="A39" s="224"/>
    </row>
    <row r="40" spans="1:1">
      <c r="A40" s="238" t="s">
        <v>446</v>
      </c>
    </row>
    <row r="41" spans="1:1" ht="30">
      <c r="A41" s="299" t="s">
        <v>468</v>
      </c>
    </row>
    <row r="42" spans="1:1">
      <c r="A42" s="219"/>
    </row>
    <row r="43" spans="1:1">
      <c r="A43" s="238" t="s">
        <v>447</v>
      </c>
    </row>
    <row r="44" spans="1:1" ht="30">
      <c r="A44" s="299" t="s">
        <v>469</v>
      </c>
    </row>
    <row r="45" spans="1:1">
      <c r="A45" s="224"/>
    </row>
    <row r="46" spans="1:1">
      <c r="A46" s="238" t="s">
        <v>448</v>
      </c>
    </row>
    <row r="47" spans="1:1" ht="30">
      <c r="A47" s="299" t="s">
        <v>470</v>
      </c>
    </row>
    <row r="48" spans="1:1">
      <c r="A48" s="224"/>
    </row>
    <row r="49" spans="1:1" s="220" customFormat="1">
      <c r="A49" s="238" t="s">
        <v>457</v>
      </c>
    </row>
    <row r="50" spans="1:1" s="220" customFormat="1" ht="45">
      <c r="A50" s="299" t="s">
        <v>471</v>
      </c>
    </row>
    <row r="51" spans="1:1">
      <c r="A51" s="224"/>
    </row>
    <row r="52" spans="1:1" s="220" customFormat="1">
      <c r="A52" s="238" t="s">
        <v>449</v>
      </c>
    </row>
    <row r="53" spans="1:1" s="220" customFormat="1" ht="30">
      <c r="A53" s="299" t="s">
        <v>472</v>
      </c>
    </row>
    <row r="54" spans="1:1" s="220" customFormat="1">
      <c r="A54" s="224"/>
    </row>
    <row r="55" spans="1:1">
      <c r="A55" s="238" t="s">
        <v>450</v>
      </c>
    </row>
    <row r="56" spans="1:1" ht="15.75" customHeight="1">
      <c r="A56" s="299" t="s">
        <v>473</v>
      </c>
    </row>
    <row r="57" spans="1:1">
      <c r="A57" s="219"/>
    </row>
    <row r="58" spans="1:1" s="220" customFormat="1">
      <c r="A58" s="238" t="s">
        <v>451</v>
      </c>
    </row>
    <row r="59" spans="1:1" s="220" customFormat="1" ht="30">
      <c r="A59" s="299" t="s">
        <v>474</v>
      </c>
    </row>
    <row r="60" spans="1:1" s="220" customFormat="1">
      <c r="A60" s="224"/>
    </row>
    <row r="61" spans="1:1" s="220" customFormat="1">
      <c r="A61" s="238" t="s">
        <v>452</v>
      </c>
    </row>
    <row r="62" spans="1:1" s="220" customFormat="1" ht="30">
      <c r="A62" s="299" t="s">
        <v>475</v>
      </c>
    </row>
    <row r="63" spans="1:1" s="220" customFormat="1">
      <c r="A63" s="224"/>
    </row>
    <row r="64" spans="1:1" s="220" customFormat="1">
      <c r="A64" s="238" t="s">
        <v>453</v>
      </c>
    </row>
    <row r="65" spans="1:1" s="220" customFormat="1" ht="30">
      <c r="A65" s="299" t="s">
        <v>476</v>
      </c>
    </row>
    <row r="66" spans="1:1" s="220" customFormat="1">
      <c r="A66" s="219"/>
    </row>
    <row r="67" spans="1:1" s="220" customFormat="1">
      <c r="A67" s="238" t="s">
        <v>454</v>
      </c>
    </row>
    <row r="68" spans="1:1" s="220" customFormat="1" ht="19.5" customHeight="1">
      <c r="A68" s="299" t="s">
        <v>477</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20" customWidth="1"/>
    <col min="3" max="3" width="36.140625" style="220" customWidth="1"/>
    <col min="4" max="4" width="21.140625" style="220" customWidth="1"/>
    <col min="5" max="5" width="8.85546875" style="220"/>
    <col min="6" max="6" width="23.42578125" style="220" customWidth="1"/>
    <col min="7" max="16384" width="8.85546875" style="220"/>
  </cols>
  <sheetData>
    <row r="1" spans="1:9" ht="21">
      <c r="A1" s="310" t="s">
        <v>0</v>
      </c>
      <c r="B1" s="310"/>
      <c r="C1" s="310"/>
      <c r="D1" s="310"/>
      <c r="E1" s="222"/>
      <c r="F1" s="222"/>
      <c r="G1" s="222"/>
      <c r="H1" s="222"/>
      <c r="I1" s="222"/>
    </row>
    <row r="2" spans="1:9" ht="21">
      <c r="A2" s="223"/>
      <c r="B2" s="223"/>
      <c r="C2" s="223"/>
      <c r="D2" s="223"/>
      <c r="E2" s="222"/>
      <c r="F2" s="222"/>
      <c r="G2" s="222"/>
      <c r="H2" s="222"/>
      <c r="I2" s="222"/>
    </row>
    <row r="3" spans="1:9" ht="21">
      <c r="A3" s="223" t="s">
        <v>5</v>
      </c>
      <c r="B3" s="223"/>
      <c r="C3" s="223"/>
      <c r="D3" s="223"/>
      <c r="E3" s="222"/>
      <c r="F3" s="222"/>
      <c r="G3" s="222"/>
      <c r="H3" s="222"/>
      <c r="I3" s="222"/>
    </row>
    <row r="4" spans="1:9" ht="21">
      <c r="A4" s="22"/>
      <c r="B4" s="222"/>
      <c r="C4" s="222"/>
      <c r="D4" s="222"/>
      <c r="E4" s="23"/>
      <c r="F4" s="222"/>
      <c r="G4" s="222"/>
      <c r="H4" s="222"/>
      <c r="I4" s="222"/>
    </row>
    <row r="5" spans="1:9" ht="18.75">
      <c r="A5" s="264" t="s">
        <v>63</v>
      </c>
      <c r="B5" s="24"/>
      <c r="C5" s="24"/>
      <c r="D5" s="222"/>
      <c r="E5" s="222"/>
      <c r="F5" s="222"/>
      <c r="G5" s="222"/>
      <c r="H5" s="222"/>
      <c r="I5" s="222"/>
    </row>
    <row r="6" spans="1:9" ht="18.75">
      <c r="A6" s="32"/>
      <c r="B6" s="24"/>
      <c r="C6" s="24"/>
      <c r="D6" s="222"/>
      <c r="E6" s="222"/>
      <c r="F6" s="222"/>
      <c r="G6" s="222"/>
      <c r="H6" s="222"/>
      <c r="I6" s="222"/>
    </row>
    <row r="7" spans="1:9" ht="18.75">
      <c r="A7" s="25">
        <v>1</v>
      </c>
      <c r="B7" s="232" t="s">
        <v>6</v>
      </c>
      <c r="C7" s="222"/>
      <c r="D7" s="222"/>
      <c r="E7" s="27"/>
      <c r="F7" s="27"/>
      <c r="G7" s="222"/>
      <c r="H7" s="222"/>
      <c r="I7" s="222"/>
    </row>
    <row r="8" spans="1:9">
      <c r="A8" s="25"/>
      <c r="B8" s="309" t="s">
        <v>8</v>
      </c>
      <c r="C8" s="309"/>
      <c r="D8" s="309"/>
      <c r="E8" s="309"/>
      <c r="F8" s="309"/>
      <c r="G8" s="222"/>
      <c r="H8" s="222"/>
      <c r="I8" s="222"/>
    </row>
    <row r="9" spans="1:9" ht="18.75">
      <c r="A9" s="32"/>
      <c r="B9" s="24"/>
      <c r="C9" s="24"/>
      <c r="D9" s="222"/>
      <c r="E9" s="222"/>
      <c r="F9" s="222"/>
      <c r="G9" s="222"/>
      <c r="H9" s="222"/>
      <c r="I9" s="222"/>
    </row>
    <row r="10" spans="1:9" ht="18.75">
      <c r="A10" s="25">
        <v>1</v>
      </c>
      <c r="B10" s="26" t="s">
        <v>7</v>
      </c>
      <c r="C10" s="222"/>
      <c r="D10" s="222"/>
      <c r="E10" s="27"/>
      <c r="F10" s="27"/>
      <c r="G10" s="222"/>
      <c r="H10" s="222"/>
      <c r="I10" s="222"/>
    </row>
    <row r="11" spans="1:9">
      <c r="A11" s="25"/>
      <c r="B11" s="309" t="s">
        <v>9</v>
      </c>
      <c r="C11" s="309"/>
      <c r="D11" s="309"/>
      <c r="E11" s="28"/>
      <c r="F11" s="28"/>
      <c r="G11" s="222"/>
      <c r="H11" s="222"/>
      <c r="I11" s="222"/>
    </row>
    <row r="12" spans="1:9" ht="18.75">
      <c r="A12" s="32"/>
      <c r="B12" s="24"/>
      <c r="C12" s="24"/>
      <c r="D12" s="222"/>
      <c r="E12" s="222"/>
      <c r="F12" s="222"/>
      <c r="G12" s="222"/>
      <c r="H12" s="222"/>
      <c r="I12" s="222"/>
    </row>
    <row r="13" spans="1:9" ht="18.75">
      <c r="A13" s="25">
        <v>1</v>
      </c>
      <c r="B13" s="26" t="s">
        <v>56</v>
      </c>
      <c r="C13" s="24"/>
      <c r="D13" s="222"/>
      <c r="E13" s="222"/>
      <c r="F13" s="222"/>
      <c r="G13" s="222"/>
      <c r="H13" s="222"/>
      <c r="I13" s="222"/>
    </row>
    <row r="14" spans="1:9" ht="18.75">
      <c r="A14" s="32"/>
      <c r="B14" s="222" t="s">
        <v>57</v>
      </c>
      <c r="C14" s="24"/>
      <c r="D14" s="222"/>
      <c r="E14" s="222"/>
      <c r="F14" s="222"/>
      <c r="G14" s="222"/>
      <c r="H14" s="222"/>
      <c r="I14" s="222"/>
    </row>
    <row r="15" spans="1:9" ht="18.75">
      <c r="A15" s="32"/>
      <c r="B15" s="222"/>
      <c r="C15" s="24"/>
      <c r="D15" s="222"/>
      <c r="E15" s="222"/>
      <c r="F15" s="222"/>
      <c r="G15" s="222"/>
      <c r="H15" s="222"/>
      <c r="I15" s="222"/>
    </row>
    <row r="16" spans="1:9" ht="18.75">
      <c r="A16" s="25">
        <v>1</v>
      </c>
      <c r="B16" s="26" t="s">
        <v>247</v>
      </c>
      <c r="C16" s="24"/>
      <c r="D16" s="222"/>
      <c r="E16" s="222"/>
      <c r="F16" s="222"/>
      <c r="G16" s="222"/>
      <c r="H16" s="222"/>
      <c r="I16" s="222"/>
    </row>
    <row r="17" spans="1:9" ht="18.75">
      <c r="A17" s="32"/>
      <c r="B17" s="222" t="s">
        <v>58</v>
      </c>
      <c r="C17" s="24"/>
      <c r="D17" s="222"/>
      <c r="E17" s="222"/>
      <c r="F17" s="222"/>
      <c r="G17" s="222"/>
      <c r="H17" s="222"/>
      <c r="I17" s="222"/>
    </row>
    <row r="18" spans="1:9" ht="18.75">
      <c r="A18" s="32"/>
      <c r="B18" s="222"/>
      <c r="C18" s="24"/>
      <c r="D18" s="222"/>
      <c r="E18" s="222"/>
      <c r="F18" s="222"/>
      <c r="G18" s="222"/>
      <c r="H18" s="222"/>
      <c r="I18" s="222"/>
    </row>
    <row r="19" spans="1:9" ht="18.75">
      <c r="A19" s="231" t="s">
        <v>64</v>
      </c>
      <c r="B19" s="222"/>
      <c r="C19" s="24"/>
      <c r="D19" s="222"/>
      <c r="E19" s="222"/>
      <c r="F19" s="222"/>
      <c r="G19" s="222"/>
      <c r="H19" s="222"/>
      <c r="I19" s="222"/>
    </row>
    <row r="20" spans="1:9" ht="18.75">
      <c r="A20" s="32"/>
      <c r="B20" s="222"/>
      <c r="C20" s="24"/>
      <c r="D20" s="222"/>
      <c r="E20" s="222"/>
      <c r="F20" s="222"/>
      <c r="G20" s="222"/>
      <c r="H20" s="222"/>
      <c r="I20" s="222"/>
    </row>
    <row r="21" spans="1:9" s="16" customFormat="1" ht="18.75">
      <c r="A21" s="25">
        <v>2</v>
      </c>
      <c r="B21" s="26" t="s">
        <v>59</v>
      </c>
      <c r="C21" s="222"/>
      <c r="D21" s="222"/>
      <c r="E21" s="27"/>
      <c r="F21" s="27"/>
      <c r="G21" s="27"/>
      <c r="H21" s="27"/>
      <c r="I21" s="27"/>
    </row>
    <row r="22" spans="1:9">
      <c r="A22" s="25"/>
      <c r="B22" s="308" t="s">
        <v>60</v>
      </c>
      <c r="C22" s="309"/>
      <c r="D22" s="309"/>
      <c r="E22" s="309"/>
      <c r="F22" s="309"/>
      <c r="G22" s="309"/>
      <c r="H22" s="222"/>
      <c r="I22" s="222"/>
    </row>
    <row r="23" spans="1:9">
      <c r="A23" s="25"/>
      <c r="B23" s="222"/>
      <c r="C23" s="222"/>
      <c r="D23" s="222"/>
      <c r="E23" s="222"/>
      <c r="F23" s="222"/>
      <c r="G23" s="222"/>
      <c r="H23" s="222"/>
      <c r="I23" s="222"/>
    </row>
    <row r="24" spans="1:9">
      <c r="A24" s="25">
        <v>2</v>
      </c>
      <c r="B24" s="26" t="s">
        <v>418</v>
      </c>
      <c r="C24" s="222"/>
      <c r="D24" s="222"/>
      <c r="E24" s="222"/>
      <c r="F24" s="222"/>
      <c r="G24" s="222"/>
      <c r="H24" s="222"/>
      <c r="I24" s="222"/>
    </row>
    <row r="25" spans="1:9">
      <c r="A25" s="25"/>
      <c r="B25" s="222" t="s">
        <v>61</v>
      </c>
      <c r="C25" s="222"/>
      <c r="D25" s="222"/>
      <c r="E25" s="222"/>
      <c r="F25" s="222"/>
      <c r="G25" s="222"/>
      <c r="H25" s="222"/>
      <c r="I25" s="222"/>
    </row>
    <row r="26" spans="1:9">
      <c r="A26" s="25"/>
      <c r="B26" s="222"/>
      <c r="C26" s="222"/>
      <c r="D26" s="222"/>
      <c r="E26" s="222"/>
      <c r="F26" s="222"/>
      <c r="G26" s="222"/>
      <c r="H26" s="222"/>
      <c r="I26" s="222"/>
    </row>
    <row r="27" spans="1:9">
      <c r="A27" s="25">
        <v>2</v>
      </c>
      <c r="B27" s="26" t="s">
        <v>253</v>
      </c>
      <c r="C27" s="222"/>
      <c r="D27" s="222"/>
      <c r="E27" s="222"/>
      <c r="F27" s="222"/>
      <c r="G27" s="222"/>
      <c r="H27" s="222"/>
      <c r="I27" s="222"/>
    </row>
    <row r="28" spans="1:9">
      <c r="A28" s="25"/>
      <c r="B28" s="222" t="s">
        <v>62</v>
      </c>
      <c r="C28" s="222"/>
      <c r="D28" s="222"/>
      <c r="E28" s="222"/>
      <c r="F28" s="222"/>
      <c r="G28" s="222"/>
      <c r="H28" s="222"/>
      <c r="I28" s="222"/>
    </row>
    <row r="29" spans="1:9">
      <c r="A29" s="25"/>
      <c r="B29" s="222"/>
      <c r="C29" s="222"/>
      <c r="D29" s="222"/>
      <c r="E29" s="222"/>
      <c r="F29" s="222"/>
      <c r="G29" s="222"/>
      <c r="H29" s="222"/>
      <c r="I29" s="222"/>
    </row>
    <row r="30" spans="1:9" s="16" customFormat="1" ht="18.75">
      <c r="A30" s="311" t="s">
        <v>18</v>
      </c>
      <c r="B30" s="311"/>
      <c r="C30" s="311"/>
      <c r="D30" s="27"/>
      <c r="E30" s="27"/>
      <c r="F30" s="27"/>
      <c r="G30" s="27"/>
      <c r="H30" s="27"/>
      <c r="I30" s="27"/>
    </row>
    <row r="31" spans="1:9" s="16" customFormat="1" ht="18.75">
      <c r="A31" s="32"/>
      <c r="B31" s="32"/>
      <c r="C31" s="32"/>
      <c r="D31" s="27"/>
      <c r="E31" s="27"/>
      <c r="F31" s="27"/>
      <c r="G31" s="27"/>
      <c r="H31" s="27"/>
      <c r="I31" s="27"/>
    </row>
    <row r="32" spans="1:9" s="16" customFormat="1" ht="18.75">
      <c r="A32" s="231"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3" t="s">
        <v>1</v>
      </c>
      <c r="C34" s="222"/>
      <c r="D34" s="222"/>
      <c r="E34" s="222"/>
      <c r="F34" s="222"/>
      <c r="G34" s="222"/>
      <c r="H34" s="222"/>
      <c r="I34" s="222"/>
    </row>
    <row r="35" spans="1:9">
      <c r="A35" s="22"/>
      <c r="B35" s="308" t="s">
        <v>20</v>
      </c>
      <c r="C35" s="309"/>
      <c r="D35" s="309"/>
      <c r="E35" s="309"/>
      <c r="F35" s="26"/>
      <c r="G35" s="222"/>
      <c r="H35" s="222"/>
      <c r="I35" s="222"/>
    </row>
    <row r="36" spans="1:9">
      <c r="A36" s="22"/>
      <c r="B36" s="221"/>
      <c r="C36" s="222"/>
      <c r="D36" s="222"/>
      <c r="E36" s="222"/>
      <c r="F36" s="26"/>
      <c r="G36" s="222"/>
      <c r="H36" s="222"/>
      <c r="I36" s="222"/>
    </row>
    <row r="37" spans="1:9">
      <c r="A37" s="22">
        <v>3</v>
      </c>
      <c r="B37" s="30" t="s">
        <v>35</v>
      </c>
      <c r="C37" s="222"/>
      <c r="D37" s="222"/>
      <c r="E37" s="222"/>
      <c r="F37" s="26"/>
      <c r="G37" s="222"/>
      <c r="H37" s="222"/>
      <c r="I37" s="222"/>
    </row>
    <row r="38" spans="1:9">
      <c r="A38" s="22"/>
      <c r="B38" s="280" t="s">
        <v>65</v>
      </c>
      <c r="C38" s="222"/>
      <c r="D38" s="222"/>
      <c r="E38" s="222"/>
      <c r="F38" s="26"/>
      <c r="G38" s="222"/>
      <c r="H38" s="222"/>
      <c r="I38" s="222"/>
    </row>
    <row r="39" spans="1:9">
      <c r="A39" s="22"/>
      <c r="B39" s="221"/>
      <c r="C39" s="222"/>
      <c r="D39" s="222"/>
      <c r="E39" s="222"/>
      <c r="F39" s="26"/>
      <c r="G39" s="222"/>
      <c r="H39" s="222"/>
      <c r="I39" s="222"/>
    </row>
    <row r="40" spans="1:9">
      <c r="A40" s="22">
        <v>3</v>
      </c>
      <c r="B40" s="30" t="s">
        <v>36</v>
      </c>
      <c r="C40" s="222"/>
      <c r="D40" s="222"/>
      <c r="E40" s="222"/>
      <c r="F40" s="26"/>
      <c r="G40" s="222"/>
      <c r="H40" s="222"/>
      <c r="I40" s="222"/>
    </row>
    <row r="41" spans="1:9">
      <c r="A41" s="22"/>
      <c r="B41" s="221" t="s">
        <v>66</v>
      </c>
      <c r="C41" s="222"/>
      <c r="D41" s="222"/>
      <c r="E41" s="222"/>
      <c r="F41" s="26"/>
      <c r="G41" s="222"/>
      <c r="H41" s="222"/>
      <c r="I41" s="222"/>
    </row>
    <row r="42" spans="1:9">
      <c r="A42" s="22"/>
      <c r="B42" s="221"/>
      <c r="C42" s="222"/>
      <c r="D42" s="222"/>
      <c r="E42" s="222"/>
      <c r="F42" s="26"/>
      <c r="G42" s="222"/>
      <c r="H42" s="222"/>
      <c r="I42" s="222"/>
    </row>
    <row r="43" spans="1:9">
      <c r="A43" s="25">
        <v>3</v>
      </c>
      <c r="B43" s="30" t="s">
        <v>10</v>
      </c>
      <c r="C43" s="222"/>
      <c r="D43" s="222"/>
      <c r="E43" s="222"/>
      <c r="F43" s="222"/>
      <c r="G43" s="222"/>
      <c r="H43" s="222"/>
      <c r="I43" s="222"/>
    </row>
    <row r="44" spans="1:9">
      <c r="A44" s="22"/>
      <c r="B44" s="308" t="s">
        <v>21</v>
      </c>
      <c r="C44" s="309"/>
      <c r="D44" s="222"/>
      <c r="E44" s="222"/>
      <c r="F44" s="222"/>
      <c r="G44" s="222"/>
      <c r="H44" s="222"/>
      <c r="I44" s="222"/>
    </row>
    <row r="45" spans="1:9">
      <c r="A45" s="22"/>
      <c r="B45" s="221"/>
      <c r="C45" s="222"/>
      <c r="D45" s="222"/>
      <c r="E45" s="222"/>
      <c r="F45" s="222"/>
      <c r="G45" s="222"/>
      <c r="H45" s="222"/>
      <c r="I45" s="222"/>
    </row>
    <row r="46" spans="1:9">
      <c r="A46" s="22">
        <v>3</v>
      </c>
      <c r="B46" s="30" t="s">
        <v>37</v>
      </c>
      <c r="C46" s="222"/>
      <c r="D46" s="222"/>
      <c r="E46" s="222"/>
      <c r="F46" s="222"/>
      <c r="G46" s="222"/>
      <c r="H46" s="222"/>
      <c r="I46" s="222"/>
    </row>
    <row r="47" spans="1:9">
      <c r="A47" s="22"/>
      <c r="B47" s="221" t="s">
        <v>67</v>
      </c>
      <c r="C47" s="222"/>
      <c r="D47" s="222"/>
      <c r="E47" s="222"/>
      <c r="F47" s="222"/>
      <c r="G47" s="222"/>
      <c r="H47" s="222"/>
      <c r="I47" s="222"/>
    </row>
    <row r="48" spans="1:9" ht="21">
      <c r="A48" s="29"/>
      <c r="B48" s="222"/>
      <c r="C48" s="222"/>
      <c r="D48" s="222"/>
      <c r="E48" s="222"/>
      <c r="F48" s="222"/>
      <c r="G48" s="222"/>
      <c r="H48" s="222"/>
      <c r="I48" s="222"/>
    </row>
    <row r="49" spans="1:9" s="16" customFormat="1" ht="18.75">
      <c r="A49" s="231"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2" t="s">
        <v>3</v>
      </c>
      <c r="C51" s="222"/>
      <c r="D51" s="222"/>
      <c r="E51" s="222"/>
      <c r="F51" s="222"/>
      <c r="G51" s="222"/>
      <c r="H51" s="222"/>
      <c r="I51" s="222"/>
    </row>
    <row r="52" spans="1:9">
      <c r="A52" s="22"/>
      <c r="B52" s="308" t="s">
        <v>19</v>
      </c>
      <c r="C52" s="309"/>
      <c r="D52" s="309"/>
      <c r="E52" s="222"/>
      <c r="F52" s="222"/>
      <c r="G52" s="222"/>
      <c r="H52" s="222"/>
      <c r="I52" s="222"/>
    </row>
    <row r="53" spans="1:9">
      <c r="A53" s="22"/>
      <c r="B53" s="308" t="s">
        <v>31</v>
      </c>
      <c r="C53" s="309"/>
      <c r="D53" s="309"/>
      <c r="E53" s="222"/>
      <c r="F53" s="222"/>
      <c r="G53" s="222"/>
      <c r="H53" s="222"/>
      <c r="I53" s="222"/>
    </row>
    <row r="54" spans="1:9" ht="21">
      <c r="A54" s="29"/>
      <c r="B54" s="222"/>
      <c r="C54" s="222"/>
      <c r="D54" s="222"/>
      <c r="E54" s="222"/>
      <c r="F54" s="222"/>
      <c r="G54" s="222"/>
      <c r="H54" s="222"/>
      <c r="I54" s="222"/>
    </row>
    <row r="55" spans="1:9">
      <c r="A55" s="25">
        <v>4</v>
      </c>
      <c r="B55" s="26" t="s">
        <v>293</v>
      </c>
      <c r="C55" s="281"/>
      <c r="D55" s="281"/>
      <c r="E55" s="281"/>
      <c r="F55" s="281"/>
      <c r="G55" s="281"/>
      <c r="H55" s="281"/>
      <c r="I55" s="281"/>
    </row>
    <row r="56" spans="1:9" ht="16.5" customHeight="1">
      <c r="A56" s="29"/>
      <c r="B56" s="280" t="s">
        <v>294</v>
      </c>
      <c r="C56" s="281"/>
      <c r="D56" s="281"/>
      <c r="E56" s="281"/>
      <c r="F56" s="281"/>
      <c r="G56" s="281"/>
      <c r="H56" s="281"/>
      <c r="I56" s="281"/>
    </row>
    <row r="57" spans="1:9" ht="17.25" customHeight="1">
      <c r="A57" s="29"/>
      <c r="B57" s="280" t="s">
        <v>400</v>
      </c>
      <c r="C57" s="281"/>
      <c r="D57" s="281"/>
      <c r="E57" s="281"/>
      <c r="F57" s="281"/>
      <c r="G57" s="281"/>
      <c r="H57" s="281"/>
      <c r="I57" s="281"/>
    </row>
    <row r="58" spans="1:9" ht="21">
      <c r="A58" s="29"/>
      <c r="B58" s="281"/>
      <c r="C58" s="281"/>
      <c r="D58" s="281"/>
      <c r="E58" s="281"/>
      <c r="F58" s="281"/>
      <c r="G58" s="281"/>
      <c r="H58" s="281"/>
      <c r="I58" s="281"/>
    </row>
    <row r="59" spans="1:9">
      <c r="A59" s="25">
        <v>4</v>
      </c>
      <c r="B59" s="26" t="s">
        <v>295</v>
      </c>
      <c r="C59" s="281"/>
      <c r="D59" s="281"/>
      <c r="E59" s="281"/>
      <c r="F59" s="281"/>
      <c r="G59" s="281"/>
      <c r="H59" s="281"/>
      <c r="I59" s="281"/>
    </row>
    <row r="60" spans="1:9" ht="21">
      <c r="A60" s="29"/>
      <c r="B60" s="280" t="s">
        <v>419</v>
      </c>
      <c r="C60" s="281"/>
      <c r="D60" s="281"/>
      <c r="E60" s="281"/>
      <c r="F60" s="281"/>
      <c r="G60" s="281"/>
      <c r="H60" s="281"/>
      <c r="I60" s="281"/>
    </row>
    <row r="61" spans="1:9" ht="21">
      <c r="A61" s="29"/>
      <c r="B61" s="281"/>
      <c r="C61" s="281"/>
      <c r="D61" s="281"/>
      <c r="E61" s="281"/>
      <c r="F61" s="281"/>
      <c r="G61" s="281"/>
      <c r="H61" s="281"/>
      <c r="I61" s="281"/>
    </row>
    <row r="62" spans="1:9">
      <c r="A62" s="25">
        <v>4</v>
      </c>
      <c r="B62" s="30" t="s">
        <v>230</v>
      </c>
      <c r="C62" s="222"/>
      <c r="D62" s="222"/>
      <c r="E62" s="222"/>
      <c r="F62" s="222"/>
      <c r="G62" s="222"/>
      <c r="H62" s="222"/>
      <c r="I62" s="222"/>
    </row>
    <row r="63" spans="1:9">
      <c r="A63" s="22"/>
      <c r="B63" s="308" t="s">
        <v>239</v>
      </c>
      <c r="C63" s="309"/>
      <c r="D63" s="222"/>
      <c r="E63" s="222"/>
      <c r="F63" s="222"/>
      <c r="G63" s="222"/>
      <c r="H63" s="222"/>
      <c r="I63" s="222"/>
    </row>
    <row r="64" spans="1:9">
      <c r="A64" s="22"/>
      <c r="B64" s="308" t="s">
        <v>240</v>
      </c>
      <c r="C64" s="309"/>
      <c r="D64" s="309"/>
      <c r="E64" s="309"/>
      <c r="F64" s="222"/>
      <c r="G64" s="222"/>
      <c r="H64" s="222"/>
      <c r="I64" s="222"/>
    </row>
    <row r="65" spans="1:9" ht="21">
      <c r="A65" s="29"/>
      <c r="B65" s="222"/>
      <c r="C65" s="222"/>
      <c r="D65" s="222"/>
      <c r="E65" s="222"/>
      <c r="F65" s="222"/>
      <c r="G65" s="222"/>
      <c r="H65" s="222"/>
      <c r="I65" s="222"/>
    </row>
    <row r="66" spans="1:9">
      <c r="A66" s="25">
        <v>4</v>
      </c>
      <c r="B66" s="30" t="s">
        <v>38</v>
      </c>
      <c r="C66" s="222"/>
      <c r="D66" s="222"/>
      <c r="E66" s="222"/>
      <c r="F66" s="222"/>
      <c r="G66" s="222"/>
      <c r="H66" s="222"/>
      <c r="I66" s="222"/>
    </row>
    <row r="67" spans="1:9">
      <c r="A67" s="22"/>
      <c r="B67" s="308" t="s">
        <v>68</v>
      </c>
      <c r="C67" s="309"/>
      <c r="D67" s="309"/>
      <c r="E67" s="309"/>
      <c r="F67" s="26"/>
      <c r="G67" s="222"/>
      <c r="H67" s="222"/>
      <c r="I67" s="222"/>
    </row>
    <row r="68" spans="1:9">
      <c r="A68" s="22"/>
      <c r="B68" s="308"/>
      <c r="C68" s="309"/>
      <c r="D68" s="309"/>
      <c r="E68" s="309"/>
      <c r="F68" s="222"/>
      <c r="G68" s="26"/>
      <c r="H68" s="222"/>
      <c r="I68" s="222"/>
    </row>
    <row r="69" spans="1:9">
      <c r="A69" s="22">
        <v>4</v>
      </c>
      <c r="B69" s="30" t="s">
        <v>39</v>
      </c>
      <c r="C69" s="222"/>
      <c r="D69" s="222"/>
      <c r="E69" s="222"/>
      <c r="F69" s="222"/>
      <c r="G69" s="26"/>
      <c r="H69" s="222"/>
      <c r="I69" s="222"/>
    </row>
    <row r="70" spans="1:9">
      <c r="A70" s="22"/>
      <c r="B70" s="221" t="s">
        <v>69</v>
      </c>
      <c r="C70" s="222"/>
      <c r="D70" s="222"/>
      <c r="E70" s="222"/>
      <c r="F70" s="222"/>
      <c r="G70" s="26"/>
      <c r="H70" s="222"/>
      <c r="I70" s="222"/>
    </row>
    <row r="71" spans="1:9">
      <c r="A71" s="22"/>
      <c r="B71" s="221"/>
      <c r="C71" s="222"/>
      <c r="D71" s="222"/>
      <c r="E71" s="222"/>
      <c r="F71" s="222"/>
      <c r="G71" s="26"/>
      <c r="H71" s="222"/>
      <c r="I71" s="222"/>
    </row>
    <row r="72" spans="1:9">
      <c r="A72" s="25">
        <v>4</v>
      </c>
      <c r="B72" s="30" t="s">
        <v>4</v>
      </c>
      <c r="C72" s="222"/>
      <c r="D72" s="222"/>
      <c r="E72" s="222"/>
      <c r="F72" s="222"/>
      <c r="G72" s="222"/>
      <c r="H72" s="222"/>
      <c r="I72" s="222"/>
    </row>
    <row r="73" spans="1:9">
      <c r="A73" s="22"/>
      <c r="B73" s="308" t="s">
        <v>22</v>
      </c>
      <c r="C73" s="309"/>
      <c r="D73" s="309"/>
      <c r="E73" s="222"/>
      <c r="F73" s="222"/>
      <c r="G73" s="222"/>
      <c r="H73" s="222"/>
      <c r="I73" s="222"/>
    </row>
    <row r="74" spans="1:9">
      <c r="A74" s="22"/>
      <c r="B74" s="221"/>
      <c r="C74" s="222"/>
      <c r="D74" s="222"/>
      <c r="E74" s="222"/>
      <c r="F74" s="222"/>
      <c r="G74" s="222"/>
      <c r="H74" s="222"/>
      <c r="I74" s="222"/>
    </row>
    <row r="75" spans="1:9">
      <c r="A75" s="234" t="s">
        <v>70</v>
      </c>
      <c r="B75" s="221"/>
      <c r="C75" s="222"/>
      <c r="D75" s="222"/>
      <c r="E75" s="222"/>
      <c r="F75" s="222"/>
      <c r="G75" s="222"/>
      <c r="H75" s="222"/>
      <c r="I75" s="222"/>
    </row>
    <row r="76" spans="1:9">
      <c r="A76" s="22"/>
      <c r="B76" s="221"/>
      <c r="C76" s="222"/>
      <c r="D76" s="222"/>
      <c r="E76" s="222"/>
      <c r="F76" s="222"/>
      <c r="G76" s="222"/>
      <c r="H76" s="222"/>
      <c r="I76" s="222"/>
    </row>
    <row r="77" spans="1:9">
      <c r="A77" s="25">
        <v>5</v>
      </c>
      <c r="B77" s="233" t="s">
        <v>11</v>
      </c>
      <c r="C77" s="222"/>
      <c r="D77" s="222"/>
      <c r="E77" s="222"/>
      <c r="F77" s="222"/>
      <c r="G77" s="222"/>
      <c r="H77" s="222"/>
      <c r="I77" s="222"/>
    </row>
    <row r="78" spans="1:9">
      <c r="A78" s="22"/>
      <c r="B78" s="308" t="s">
        <v>23</v>
      </c>
      <c r="C78" s="309"/>
      <c r="D78" s="309"/>
      <c r="E78" s="222"/>
      <c r="F78" s="222"/>
      <c r="G78" s="222"/>
      <c r="H78" s="222"/>
      <c r="I78" s="222"/>
    </row>
    <row r="79" spans="1:9">
      <c r="A79" s="22"/>
      <c r="B79" s="221"/>
      <c r="C79" s="222"/>
      <c r="D79" s="222"/>
      <c r="E79" s="222"/>
      <c r="F79" s="222"/>
      <c r="G79" s="222"/>
      <c r="H79" s="222"/>
      <c r="I79" s="222"/>
    </row>
    <row r="80" spans="1:9">
      <c r="A80" s="22">
        <v>5</v>
      </c>
      <c r="B80" s="30" t="s">
        <v>43</v>
      </c>
      <c r="C80" s="222"/>
      <c r="D80" s="222"/>
      <c r="E80" s="222"/>
      <c r="F80" s="222"/>
      <c r="G80" s="222"/>
      <c r="H80" s="222"/>
      <c r="I80" s="222"/>
    </row>
    <row r="81" spans="1:9">
      <c r="A81" s="22"/>
      <c r="B81" s="221" t="s">
        <v>71</v>
      </c>
      <c r="C81" s="222"/>
      <c r="D81" s="222"/>
      <c r="E81" s="222"/>
      <c r="F81" s="222"/>
      <c r="G81" s="222"/>
      <c r="H81" s="222"/>
      <c r="I81" s="222"/>
    </row>
    <row r="82" spans="1:9">
      <c r="A82" s="22"/>
      <c r="B82" s="222"/>
      <c r="C82" s="222"/>
      <c r="D82" s="222"/>
      <c r="E82" s="222"/>
      <c r="F82" s="222"/>
      <c r="G82" s="222"/>
      <c r="H82" s="222"/>
      <c r="I82" s="222"/>
    </row>
    <row r="83" spans="1:9">
      <c r="A83" s="25">
        <v>5</v>
      </c>
      <c r="B83" s="30" t="s">
        <v>262</v>
      </c>
      <c r="C83" s="222"/>
      <c r="D83" s="222"/>
      <c r="E83" s="222"/>
      <c r="F83" s="222"/>
      <c r="G83" s="222"/>
      <c r="H83" s="222"/>
      <c r="I83" s="222"/>
    </row>
    <row r="84" spans="1:9">
      <c r="A84" s="22"/>
      <c r="B84" s="308" t="s">
        <v>72</v>
      </c>
      <c r="C84" s="309"/>
      <c r="D84" s="309"/>
      <c r="E84" s="222"/>
      <c r="F84" s="222"/>
      <c r="G84" s="222"/>
      <c r="H84" s="222"/>
      <c r="I84" s="222"/>
    </row>
    <row r="85" spans="1:9">
      <c r="A85" s="22"/>
      <c r="B85" s="308"/>
      <c r="C85" s="309"/>
      <c r="D85" s="309"/>
      <c r="E85" s="222"/>
      <c r="F85" s="222"/>
      <c r="G85" s="222"/>
      <c r="H85" s="222"/>
      <c r="I85" s="222"/>
    </row>
    <row r="86" spans="1:9">
      <c r="A86" s="22">
        <v>5</v>
      </c>
      <c r="B86" s="30" t="s">
        <v>44</v>
      </c>
      <c r="C86" s="222"/>
      <c r="D86" s="222"/>
      <c r="E86" s="222"/>
      <c r="F86" s="222"/>
      <c r="G86" s="222"/>
      <c r="H86" s="222"/>
      <c r="I86" s="222"/>
    </row>
    <row r="87" spans="1:9">
      <c r="A87" s="22"/>
      <c r="B87" s="308" t="s">
        <v>72</v>
      </c>
      <c r="C87" s="309"/>
      <c r="D87" s="309"/>
      <c r="E87" s="222"/>
      <c r="F87" s="222"/>
      <c r="G87" s="222"/>
      <c r="H87" s="222"/>
      <c r="I87" s="222"/>
    </row>
    <row r="88" spans="1:9">
      <c r="A88" s="22"/>
      <c r="B88" s="221"/>
      <c r="C88" s="222"/>
      <c r="D88" s="222"/>
      <c r="E88" s="222"/>
      <c r="F88" s="222"/>
      <c r="G88" s="222"/>
      <c r="H88" s="222"/>
      <c r="I88" s="222"/>
    </row>
    <row r="89" spans="1:9">
      <c r="A89" s="234" t="s">
        <v>45</v>
      </c>
      <c r="B89" s="221"/>
      <c r="C89" s="222"/>
      <c r="D89" s="222"/>
      <c r="E89" s="222"/>
      <c r="F89" s="222"/>
      <c r="G89" s="222"/>
      <c r="H89" s="222"/>
      <c r="I89" s="222"/>
    </row>
    <row r="90" spans="1:9">
      <c r="A90" s="22"/>
      <c r="B90" s="221"/>
      <c r="C90" s="222"/>
      <c r="D90" s="222"/>
      <c r="E90" s="222"/>
      <c r="F90" s="222"/>
      <c r="G90" s="222"/>
      <c r="H90" s="222"/>
      <c r="I90" s="222"/>
    </row>
    <row r="91" spans="1:9">
      <c r="A91" s="25">
        <v>6</v>
      </c>
      <c r="B91" s="233" t="s">
        <v>12</v>
      </c>
      <c r="C91" s="222"/>
      <c r="D91" s="222"/>
      <c r="E91" s="222"/>
      <c r="F91" s="222"/>
      <c r="G91" s="222"/>
      <c r="H91" s="222"/>
      <c r="I91" s="222"/>
    </row>
    <row r="92" spans="1:9">
      <c r="A92" s="22"/>
      <c r="B92" s="308" t="s">
        <v>24</v>
      </c>
      <c r="C92" s="309"/>
      <c r="D92" s="309"/>
      <c r="E92" s="222"/>
      <c r="F92" s="222"/>
      <c r="G92" s="222"/>
      <c r="H92" s="222"/>
      <c r="I92" s="222"/>
    </row>
    <row r="93" spans="1:9">
      <c r="A93" s="22"/>
      <c r="B93" s="308"/>
      <c r="C93" s="309"/>
      <c r="D93" s="309"/>
      <c r="E93" s="222"/>
      <c r="F93" s="222"/>
      <c r="G93" s="222"/>
      <c r="H93" s="222"/>
      <c r="I93" s="222"/>
    </row>
    <row r="94" spans="1:9">
      <c r="A94" s="22">
        <v>6</v>
      </c>
      <c r="B94" s="30" t="s">
        <v>46</v>
      </c>
      <c r="C94" s="222"/>
      <c r="D94" s="222"/>
      <c r="E94" s="222"/>
      <c r="F94" s="222"/>
      <c r="G94" s="222"/>
      <c r="H94" s="222"/>
      <c r="I94" s="222"/>
    </row>
    <row r="95" spans="1:9">
      <c r="A95" s="22"/>
      <c r="B95" s="221" t="s">
        <v>73</v>
      </c>
      <c r="C95" s="222"/>
      <c r="D95" s="222"/>
      <c r="E95" s="222"/>
      <c r="F95" s="222"/>
      <c r="G95" s="222"/>
      <c r="H95" s="222"/>
      <c r="I95" s="222"/>
    </row>
    <row r="96" spans="1:9">
      <c r="A96" s="22"/>
      <c r="B96" s="222"/>
      <c r="C96" s="222"/>
      <c r="D96" s="222"/>
      <c r="E96" s="222"/>
      <c r="F96" s="222"/>
      <c r="G96" s="222"/>
      <c r="H96" s="222"/>
      <c r="I96" s="222"/>
    </row>
    <row r="97" spans="1:9">
      <c r="A97" s="25">
        <v>6</v>
      </c>
      <c r="B97" s="30" t="s">
        <v>264</v>
      </c>
      <c r="C97" s="222"/>
      <c r="D97" s="222"/>
      <c r="E97" s="222"/>
      <c r="F97" s="222"/>
      <c r="G97" s="222"/>
      <c r="H97" s="222"/>
      <c r="I97" s="222"/>
    </row>
    <row r="98" spans="1:9">
      <c r="A98" s="22"/>
      <c r="B98" s="308" t="s">
        <v>25</v>
      </c>
      <c r="C98" s="309"/>
      <c r="D98" s="309"/>
      <c r="E98" s="222"/>
      <c r="F98" s="222"/>
      <c r="G98" s="222"/>
      <c r="H98" s="222"/>
      <c r="I98" s="222"/>
    </row>
    <row r="99" spans="1:9">
      <c r="A99" s="22"/>
      <c r="B99" s="308"/>
      <c r="C99" s="309"/>
      <c r="D99" s="309"/>
      <c r="E99" s="222"/>
      <c r="F99" s="222"/>
      <c r="G99" s="222"/>
      <c r="H99" s="222"/>
      <c r="I99" s="222"/>
    </row>
    <row r="100" spans="1:9">
      <c r="A100" s="22">
        <v>6</v>
      </c>
      <c r="B100" s="30" t="s">
        <v>47</v>
      </c>
      <c r="C100" s="222"/>
      <c r="D100" s="222"/>
      <c r="E100" s="222"/>
      <c r="F100" s="222"/>
      <c r="G100" s="222"/>
      <c r="H100" s="222"/>
      <c r="I100" s="222"/>
    </row>
    <row r="101" spans="1:9">
      <c r="A101" s="22"/>
      <c r="B101" s="221" t="s">
        <v>74</v>
      </c>
      <c r="C101" s="222"/>
      <c r="D101" s="222"/>
      <c r="E101" s="222"/>
      <c r="F101" s="222"/>
      <c r="G101" s="222"/>
      <c r="H101" s="222"/>
      <c r="I101" s="222"/>
    </row>
    <row r="102" spans="1:9">
      <c r="A102" s="22"/>
      <c r="B102" s="221"/>
      <c r="C102" s="222"/>
      <c r="D102" s="222"/>
      <c r="E102" s="222"/>
      <c r="F102" s="222"/>
      <c r="G102" s="222"/>
      <c r="H102" s="222"/>
      <c r="I102" s="222"/>
    </row>
    <row r="103" spans="1:9">
      <c r="A103" s="22">
        <v>6</v>
      </c>
      <c r="B103" s="30" t="s">
        <v>266</v>
      </c>
      <c r="C103" s="281"/>
      <c r="D103" s="281"/>
      <c r="E103" s="281"/>
      <c r="F103" s="281"/>
      <c r="G103" s="281"/>
      <c r="H103" s="281"/>
      <c r="I103" s="281"/>
    </row>
    <row r="104" spans="1:9">
      <c r="A104" s="22"/>
      <c r="B104" s="280" t="s">
        <v>74</v>
      </c>
      <c r="C104" s="281"/>
      <c r="D104" s="281"/>
      <c r="E104" s="281"/>
      <c r="F104" s="281"/>
      <c r="G104" s="281"/>
      <c r="H104" s="281"/>
      <c r="I104" s="281"/>
    </row>
    <row r="105" spans="1:9">
      <c r="A105" s="22"/>
      <c r="B105" s="280"/>
      <c r="C105" s="281"/>
      <c r="D105" s="281"/>
      <c r="E105" s="281"/>
      <c r="F105" s="281"/>
      <c r="G105" s="281"/>
      <c r="H105" s="281"/>
      <c r="I105" s="281"/>
    </row>
    <row r="106" spans="1:9">
      <c r="A106" s="22">
        <v>6</v>
      </c>
      <c r="B106" s="26" t="s">
        <v>30</v>
      </c>
      <c r="C106" s="222"/>
      <c r="D106" s="222"/>
      <c r="E106" s="222"/>
      <c r="F106" s="222"/>
      <c r="G106" s="222"/>
      <c r="H106" s="222"/>
      <c r="I106" s="222"/>
    </row>
    <row r="107" spans="1:9">
      <c r="A107" s="25"/>
      <c r="B107" s="222" t="s">
        <v>75</v>
      </c>
      <c r="C107" s="222"/>
      <c r="D107" s="222"/>
      <c r="E107" s="222"/>
      <c r="F107" s="222"/>
      <c r="G107" s="222"/>
      <c r="H107" s="222"/>
      <c r="I107" s="222"/>
    </row>
    <row r="108" spans="1:9">
      <c r="A108" s="22"/>
      <c r="B108" s="308"/>
      <c r="C108" s="309"/>
      <c r="D108" s="309"/>
      <c r="E108" s="222"/>
      <c r="F108" s="222"/>
      <c r="G108" s="222"/>
      <c r="H108" s="222"/>
      <c r="I108" s="222"/>
    </row>
    <row r="109" spans="1:9">
      <c r="A109" s="22">
        <v>6</v>
      </c>
      <c r="B109" s="30" t="s">
        <v>13</v>
      </c>
      <c r="C109" s="222"/>
      <c r="D109" s="222"/>
      <c r="E109" s="222"/>
      <c r="F109" s="222"/>
      <c r="G109" s="222"/>
      <c r="H109" s="222"/>
      <c r="I109" s="222"/>
    </row>
    <row r="110" spans="1:9">
      <c r="A110" s="31"/>
      <c r="B110" s="308" t="s">
        <v>14</v>
      </c>
      <c r="C110" s="309"/>
      <c r="D110" s="309"/>
      <c r="E110" s="222"/>
      <c r="F110" s="222"/>
      <c r="G110" s="222"/>
      <c r="H110" s="222"/>
      <c r="I110" s="222"/>
    </row>
    <row r="111" spans="1:9">
      <c r="A111" s="31"/>
      <c r="B111" s="221"/>
      <c r="C111" s="222"/>
      <c r="D111" s="222"/>
      <c r="E111" s="222"/>
      <c r="F111" s="222"/>
      <c r="G111" s="222"/>
      <c r="H111" s="222"/>
      <c r="I111" s="222"/>
    </row>
    <row r="112" spans="1:9">
      <c r="A112" s="234" t="s">
        <v>48</v>
      </c>
      <c r="B112" s="34"/>
      <c r="C112" s="35"/>
      <c r="D112" s="35"/>
      <c r="E112" s="222"/>
      <c r="F112" s="222"/>
      <c r="G112" s="222"/>
      <c r="H112" s="222"/>
      <c r="I112" s="222"/>
    </row>
    <row r="113" spans="1:9">
      <c r="A113" s="31"/>
      <c r="B113" s="30"/>
      <c r="C113" s="222"/>
      <c r="D113" s="222"/>
      <c r="E113" s="222"/>
      <c r="F113" s="222"/>
      <c r="G113" s="222"/>
      <c r="H113" s="222"/>
      <c r="I113" s="222"/>
    </row>
    <row r="114" spans="1:9">
      <c r="A114" s="25">
        <v>7</v>
      </c>
      <c r="B114" s="233" t="s">
        <v>272</v>
      </c>
      <c r="C114" s="222"/>
      <c r="D114" s="222"/>
      <c r="E114" s="222"/>
      <c r="F114" s="222"/>
      <c r="G114" s="222"/>
      <c r="H114" s="222"/>
      <c r="I114" s="222"/>
    </row>
    <row r="115" spans="1:9">
      <c r="A115" s="31"/>
      <c r="B115" s="308" t="s">
        <v>420</v>
      </c>
      <c r="C115" s="309"/>
      <c r="D115" s="309"/>
      <c r="E115" s="222"/>
      <c r="F115" s="222"/>
      <c r="G115" s="222"/>
      <c r="H115" s="222"/>
      <c r="I115" s="222"/>
    </row>
    <row r="116" spans="1:9">
      <c r="A116" s="31"/>
      <c r="B116" s="308"/>
      <c r="C116" s="309"/>
      <c r="D116" s="309"/>
      <c r="E116" s="222"/>
      <c r="F116" s="222"/>
      <c r="G116" s="222"/>
      <c r="H116" s="222"/>
      <c r="I116" s="222"/>
    </row>
    <row r="117" spans="1:9">
      <c r="A117" s="25">
        <v>7</v>
      </c>
      <c r="B117" s="30" t="s">
        <v>49</v>
      </c>
      <c r="C117" s="222"/>
      <c r="D117" s="222"/>
      <c r="E117" s="222"/>
      <c r="F117" s="222"/>
      <c r="G117" s="222"/>
      <c r="H117" s="222"/>
      <c r="I117" s="222"/>
    </row>
    <row r="118" spans="1:9">
      <c r="A118" s="31"/>
      <c r="B118" s="221" t="s">
        <v>76</v>
      </c>
      <c r="C118" s="222"/>
      <c r="D118" s="222"/>
      <c r="E118" s="222"/>
      <c r="F118" s="222"/>
      <c r="G118" s="222"/>
      <c r="H118" s="222"/>
      <c r="I118" s="222"/>
    </row>
    <row r="119" spans="1:9">
      <c r="A119" s="31"/>
      <c r="B119" s="221"/>
      <c r="C119" s="222"/>
      <c r="D119" s="222"/>
      <c r="E119" s="222"/>
      <c r="F119" s="222"/>
      <c r="G119" s="222"/>
      <c r="H119" s="222"/>
      <c r="I119" s="222"/>
    </row>
    <row r="120" spans="1:9">
      <c r="A120" s="25">
        <v>7</v>
      </c>
      <c r="B120" s="30" t="s">
        <v>50</v>
      </c>
      <c r="C120" s="222"/>
      <c r="D120" s="222"/>
      <c r="E120" s="222"/>
      <c r="F120" s="222"/>
      <c r="G120" s="222"/>
      <c r="H120" s="222"/>
      <c r="I120" s="222"/>
    </row>
    <row r="121" spans="1:9">
      <c r="A121" s="31"/>
      <c r="B121" s="221" t="s">
        <v>77</v>
      </c>
      <c r="C121" s="222"/>
      <c r="D121" s="222"/>
      <c r="E121" s="222"/>
      <c r="F121" s="222"/>
      <c r="G121" s="222"/>
      <c r="H121" s="222"/>
      <c r="I121" s="222"/>
    </row>
    <row r="122" spans="1:9">
      <c r="A122" s="25"/>
      <c r="B122" s="221"/>
      <c r="C122" s="222"/>
      <c r="D122" s="222"/>
      <c r="E122" s="222"/>
      <c r="F122" s="222"/>
      <c r="G122" s="222"/>
      <c r="H122" s="222"/>
      <c r="I122" s="222"/>
    </row>
    <row r="123" spans="1:9">
      <c r="A123" s="25">
        <v>7</v>
      </c>
      <c r="B123" s="30" t="s">
        <v>275</v>
      </c>
      <c r="C123" s="222"/>
      <c r="D123" s="222"/>
      <c r="E123" s="222"/>
      <c r="F123" s="222"/>
      <c r="G123" s="222"/>
      <c r="H123" s="222"/>
      <c r="I123" s="222"/>
    </row>
    <row r="124" spans="1:9">
      <c r="A124" s="25"/>
      <c r="B124" s="280" t="s">
        <v>421</v>
      </c>
      <c r="C124" s="222"/>
      <c r="D124" s="222"/>
      <c r="E124" s="222"/>
      <c r="F124" s="222"/>
      <c r="G124" s="222"/>
      <c r="H124" s="222"/>
      <c r="I124" s="222"/>
    </row>
    <row r="125" spans="1:9">
      <c r="A125" s="25"/>
      <c r="B125" s="221"/>
      <c r="C125" s="222"/>
      <c r="D125" s="222"/>
      <c r="E125" s="222"/>
      <c r="F125" s="222"/>
      <c r="G125" s="222"/>
      <c r="H125" s="222"/>
      <c r="I125" s="222"/>
    </row>
    <row r="126" spans="1:9">
      <c r="A126" s="25">
        <v>7</v>
      </c>
      <c r="B126" s="30" t="s">
        <v>15</v>
      </c>
      <c r="C126" s="222"/>
      <c r="D126" s="222"/>
      <c r="E126" s="222"/>
      <c r="F126" s="222"/>
      <c r="G126" s="222"/>
      <c r="H126" s="222"/>
      <c r="I126" s="222"/>
    </row>
    <row r="127" spans="1:9">
      <c r="A127" s="31"/>
      <c r="B127" s="308" t="s">
        <v>26</v>
      </c>
      <c r="C127" s="309"/>
      <c r="D127" s="309"/>
      <c r="E127" s="222"/>
      <c r="F127" s="222"/>
      <c r="G127" s="222"/>
      <c r="H127" s="222"/>
      <c r="I127" s="222"/>
    </row>
    <row r="128" spans="1:9">
      <c r="A128" s="25"/>
      <c r="B128" s="221"/>
      <c r="C128" s="222"/>
      <c r="D128" s="222"/>
      <c r="E128" s="222"/>
      <c r="F128" s="222"/>
      <c r="G128" s="222"/>
      <c r="H128" s="222"/>
      <c r="I128" s="222"/>
    </row>
    <row r="129" spans="1:9">
      <c r="A129" s="25">
        <v>7</v>
      </c>
      <c r="B129" s="30" t="s">
        <v>78</v>
      </c>
      <c r="C129" s="222"/>
      <c r="D129" s="222"/>
      <c r="E129" s="222"/>
      <c r="F129" s="222"/>
      <c r="G129" s="222"/>
      <c r="H129" s="222"/>
      <c r="I129" s="222"/>
    </row>
    <row r="130" spans="1:9">
      <c r="A130" s="31"/>
      <c r="B130" s="221" t="s">
        <v>79</v>
      </c>
      <c r="C130" s="222"/>
      <c r="D130" s="222"/>
      <c r="E130" s="222"/>
      <c r="F130" s="222"/>
      <c r="G130" s="222"/>
      <c r="H130" s="222"/>
      <c r="I130" s="222"/>
    </row>
    <row r="131" spans="1:9">
      <c r="A131" s="31"/>
      <c r="B131" s="221"/>
      <c r="C131" s="222"/>
      <c r="D131" s="222"/>
      <c r="E131" s="222"/>
      <c r="F131" s="222"/>
      <c r="G131" s="222"/>
      <c r="H131" s="222"/>
      <c r="I131" s="222"/>
    </row>
    <row r="132" spans="1:9">
      <c r="A132" s="25">
        <v>7</v>
      </c>
      <c r="B132" s="264" t="s">
        <v>51</v>
      </c>
      <c r="C132" s="25"/>
      <c r="D132" s="25"/>
      <c r="E132" s="222"/>
      <c r="F132" s="222"/>
      <c r="G132" s="222"/>
      <c r="H132" s="222"/>
      <c r="I132" s="222"/>
    </row>
    <row r="133" spans="1:9">
      <c r="A133" s="25"/>
      <c r="B133" s="25" t="s">
        <v>27</v>
      </c>
      <c r="C133" s="25"/>
      <c r="D133" s="25"/>
      <c r="E133" s="222"/>
      <c r="F133" s="222"/>
      <c r="G133" s="222"/>
      <c r="H133" s="222"/>
      <c r="I133" s="222"/>
    </row>
    <row r="134" spans="1:9">
      <c r="A134" s="25"/>
      <c r="B134" s="25"/>
      <c r="C134" s="25"/>
      <c r="D134" s="25"/>
      <c r="E134" s="222"/>
      <c r="F134" s="222"/>
      <c r="G134" s="222"/>
      <c r="H134" s="222"/>
      <c r="I134" s="222"/>
    </row>
    <row r="135" spans="1:9">
      <c r="A135" s="25">
        <v>7</v>
      </c>
      <c r="B135" s="264" t="s">
        <v>52</v>
      </c>
      <c r="C135" s="25"/>
      <c r="D135" s="25"/>
      <c r="E135" s="222"/>
      <c r="F135" s="222"/>
      <c r="G135" s="222"/>
      <c r="H135" s="222"/>
      <c r="I135" s="222"/>
    </row>
    <row r="136" spans="1:9">
      <c r="A136" s="25"/>
      <c r="B136" s="25" t="s">
        <v>80</v>
      </c>
      <c r="C136" s="25"/>
      <c r="D136" s="25"/>
      <c r="E136" s="222"/>
      <c r="F136" s="222"/>
      <c r="G136" s="222"/>
      <c r="H136" s="222"/>
      <c r="I136" s="222"/>
    </row>
    <row r="137" spans="1:9">
      <c r="A137" s="31"/>
      <c r="B137" s="221"/>
      <c r="C137" s="222"/>
      <c r="D137" s="222"/>
      <c r="E137" s="222"/>
      <c r="F137" s="222"/>
      <c r="G137" s="222"/>
      <c r="H137" s="222"/>
      <c r="I137" s="222"/>
    </row>
    <row r="138" spans="1:9">
      <c r="A138" s="25">
        <v>7</v>
      </c>
      <c r="B138" s="264" t="s">
        <v>16</v>
      </c>
      <c r="C138" s="222"/>
      <c r="D138" s="222"/>
      <c r="E138" s="222"/>
      <c r="F138" s="222"/>
      <c r="G138" s="222"/>
      <c r="H138" s="222"/>
      <c r="I138" s="222"/>
    </row>
    <row r="139" spans="1:9">
      <c r="A139" s="31"/>
      <c r="B139" s="308" t="s">
        <v>28</v>
      </c>
      <c r="C139" s="309"/>
      <c r="D139" s="309"/>
      <c r="E139" s="222"/>
      <c r="F139" s="222"/>
      <c r="G139" s="222"/>
      <c r="H139" s="222"/>
      <c r="I139" s="222"/>
    </row>
    <row r="140" spans="1:9">
      <c r="A140" s="31"/>
      <c r="B140" s="221"/>
      <c r="C140" s="222"/>
      <c r="D140" s="222"/>
      <c r="E140" s="222"/>
      <c r="F140" s="222"/>
      <c r="G140" s="222"/>
      <c r="H140" s="222"/>
      <c r="I140" s="222"/>
    </row>
    <row r="141" spans="1:9">
      <c r="A141" s="25">
        <v>7</v>
      </c>
      <c r="B141" s="30" t="s">
        <v>53</v>
      </c>
      <c r="C141" s="222"/>
      <c r="D141" s="222"/>
      <c r="E141" s="222"/>
      <c r="F141" s="222"/>
      <c r="G141" s="222"/>
      <c r="H141" s="222"/>
      <c r="I141" s="222"/>
    </row>
    <row r="142" spans="1:9">
      <c r="A142" s="31"/>
      <c r="B142" s="25" t="s">
        <v>81</v>
      </c>
      <c r="C142" s="222"/>
      <c r="D142" s="222"/>
      <c r="E142" s="222"/>
      <c r="F142" s="222"/>
      <c r="G142" s="222"/>
      <c r="H142" s="222"/>
      <c r="I142" s="222"/>
    </row>
    <row r="143" spans="1:9">
      <c r="A143" s="31"/>
      <c r="B143" s="221"/>
      <c r="C143" s="222"/>
      <c r="D143" s="222"/>
      <c r="E143" s="222"/>
      <c r="F143" s="222"/>
      <c r="G143" s="222"/>
      <c r="H143" s="222"/>
      <c r="I143" s="222"/>
    </row>
    <row r="144" spans="1:9">
      <c r="A144" s="234" t="s">
        <v>54</v>
      </c>
      <c r="B144" s="34"/>
      <c r="C144" s="34"/>
      <c r="D144" s="34"/>
      <c r="E144" s="222"/>
      <c r="F144" s="222"/>
      <c r="G144" s="222"/>
      <c r="H144" s="222"/>
      <c r="I144" s="222"/>
    </row>
    <row r="145" spans="1:9">
      <c r="A145" s="31"/>
      <c r="B145" s="30"/>
      <c r="C145" s="222"/>
      <c r="D145" s="222"/>
      <c r="E145" s="222"/>
      <c r="F145" s="222"/>
      <c r="G145" s="222"/>
      <c r="H145" s="222"/>
      <c r="I145" s="222"/>
    </row>
    <row r="146" spans="1:9">
      <c r="A146" s="25">
        <v>8</v>
      </c>
      <c r="B146" s="233" t="s">
        <v>17</v>
      </c>
      <c r="C146" s="222"/>
      <c r="D146" s="222"/>
      <c r="E146" s="222"/>
      <c r="F146" s="222"/>
      <c r="G146" s="222"/>
      <c r="H146" s="222"/>
      <c r="I146" s="222"/>
    </row>
    <row r="147" spans="1:9">
      <c r="A147" s="31"/>
      <c r="B147" s="308" t="s">
        <v>29</v>
      </c>
      <c r="C147" s="309"/>
      <c r="D147" s="309"/>
      <c r="E147" s="222"/>
      <c r="F147" s="222"/>
      <c r="G147" s="222"/>
      <c r="H147" s="222"/>
      <c r="I147" s="222"/>
    </row>
    <row r="148" spans="1:9">
      <c r="A148" s="31"/>
      <c r="B148" s="308"/>
      <c r="C148" s="309"/>
      <c r="D148" s="309"/>
      <c r="E148" s="222"/>
      <c r="F148" s="222"/>
      <c r="G148" s="222"/>
      <c r="H148" s="222"/>
      <c r="I148" s="222"/>
    </row>
    <row r="149" spans="1:9">
      <c r="A149" s="22">
        <v>8</v>
      </c>
      <c r="B149" s="26" t="s">
        <v>55</v>
      </c>
      <c r="C149" s="222"/>
      <c r="D149" s="222"/>
      <c r="E149" s="222"/>
      <c r="F149" s="222"/>
      <c r="G149" s="222"/>
      <c r="H149" s="222"/>
      <c r="I149" s="222"/>
    </row>
    <row r="150" spans="1:9">
      <c r="A150" s="22"/>
      <c r="B150" s="25" t="s">
        <v>177</v>
      </c>
      <c r="C150" s="222"/>
      <c r="D150" s="222"/>
      <c r="E150" s="222"/>
      <c r="F150" s="222"/>
      <c r="G150" s="222"/>
      <c r="H150" s="222"/>
      <c r="I150" s="222"/>
    </row>
    <row r="151" spans="1:9">
      <c r="A151" s="22"/>
      <c r="B151" s="222"/>
      <c r="C151" s="222"/>
      <c r="D151" s="222"/>
      <c r="E151" s="222"/>
      <c r="F151" s="222"/>
      <c r="G151" s="222"/>
      <c r="H151" s="222"/>
      <c r="I151" s="222"/>
    </row>
    <row r="152" spans="1:9">
      <c r="A152" s="22"/>
      <c r="B152" s="222"/>
      <c r="C152" s="222"/>
      <c r="D152" s="222"/>
      <c r="E152" s="222"/>
      <c r="F152" s="222"/>
      <c r="G152" s="222"/>
      <c r="H152" s="222"/>
      <c r="I152" s="222"/>
    </row>
  </sheetData>
  <mergeCells count="30">
    <mergeCell ref="B108:D108"/>
    <mergeCell ref="B73:D73"/>
    <mergeCell ref="B85:D85"/>
    <mergeCell ref="B67:E67"/>
    <mergeCell ref="B93:D93"/>
    <mergeCell ref="B84:D84"/>
    <mergeCell ref="B92:D92"/>
    <mergeCell ref="B68:E68"/>
    <mergeCell ref="B87:D87"/>
    <mergeCell ref="B63:C63"/>
    <mergeCell ref="B98:D98"/>
    <mergeCell ref="B99:D99"/>
    <mergeCell ref="B78:D78"/>
    <mergeCell ref="B64:E64"/>
    <mergeCell ref="A1:D1"/>
    <mergeCell ref="B8:F8"/>
    <mergeCell ref="B52:D52"/>
    <mergeCell ref="B53:D53"/>
    <mergeCell ref="B35:E35"/>
    <mergeCell ref="B11:D11"/>
    <mergeCell ref="B22:G22"/>
    <mergeCell ref="A30:C30"/>
    <mergeCell ref="B44:C44"/>
    <mergeCell ref="B148:D148"/>
    <mergeCell ref="B116:D116"/>
    <mergeCell ref="B110:D110"/>
    <mergeCell ref="B115:D115"/>
    <mergeCell ref="B139:D139"/>
    <mergeCell ref="B147:D147"/>
    <mergeCell ref="B127:D12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6"/>
  <sheetViews>
    <sheetView zoomScaleNormal="100" zoomScalePageLayoutView="75" workbookViewId="0"/>
  </sheetViews>
  <sheetFormatPr defaultColWidth="20.28515625" defaultRowHeight="15"/>
  <cols>
    <col min="1" max="1" width="48.7109375" style="1" customWidth="1"/>
    <col min="2" max="4" width="20.28515625" style="1" customWidth="1"/>
    <col min="5" max="6" width="20.28515625" style="5" customWidth="1"/>
    <col min="7" max="16384" width="20.28515625" style="1"/>
  </cols>
  <sheetData>
    <row r="1" spans="1:8" ht="31.5">
      <c r="A1" s="33" t="s">
        <v>63</v>
      </c>
    </row>
    <row r="3" spans="1:8" ht="18.75">
      <c r="A3" s="321" t="s">
        <v>82</v>
      </c>
      <c r="B3" s="321"/>
      <c r="C3" s="321"/>
      <c r="D3" s="321"/>
      <c r="E3" s="321"/>
      <c r="F3" s="321"/>
      <c r="G3" s="321"/>
      <c r="H3" s="321"/>
    </row>
    <row r="4" spans="1:8" ht="63" customHeight="1">
      <c r="A4" s="326" t="s">
        <v>83</v>
      </c>
      <c r="B4" s="326"/>
      <c r="C4" s="326"/>
      <c r="D4" s="326"/>
      <c r="E4" s="326"/>
      <c r="F4" s="326"/>
      <c r="G4" s="326"/>
      <c r="H4" s="326"/>
    </row>
    <row r="5" spans="1:8" ht="40.5" customHeight="1">
      <c r="A5" s="315" t="s">
        <v>84</v>
      </c>
      <c r="B5" s="316"/>
      <c r="C5" s="316"/>
      <c r="D5" s="316"/>
      <c r="E5" s="316"/>
      <c r="F5" s="316"/>
      <c r="G5" s="316"/>
      <c r="H5" s="316"/>
    </row>
    <row r="6" spans="1:8" ht="45" customHeight="1">
      <c r="A6" s="37" t="s">
        <v>85</v>
      </c>
      <c r="B6" s="38" t="s">
        <v>86</v>
      </c>
      <c r="C6" s="39" t="s">
        <v>87</v>
      </c>
      <c r="D6" s="40" t="s">
        <v>88</v>
      </c>
      <c r="E6" s="38" t="s">
        <v>410</v>
      </c>
      <c r="F6" s="40" t="s">
        <v>414</v>
      </c>
      <c r="G6" s="39" t="s">
        <v>412</v>
      </c>
      <c r="H6" s="40" t="s">
        <v>414</v>
      </c>
    </row>
    <row r="7" spans="1:8" ht="60">
      <c r="A7" s="41"/>
      <c r="B7" s="42" t="s">
        <v>89</v>
      </c>
      <c r="C7" s="43" t="s">
        <v>90</v>
      </c>
      <c r="D7" s="44" t="s">
        <v>91</v>
      </c>
      <c r="E7" s="42" t="s">
        <v>411</v>
      </c>
      <c r="F7" s="91" t="s">
        <v>104</v>
      </c>
      <c r="G7" s="128" t="s">
        <v>413</v>
      </c>
      <c r="H7" s="91" t="s">
        <v>104</v>
      </c>
    </row>
    <row r="8" spans="1:8">
      <c r="A8" s="45" t="s">
        <v>436</v>
      </c>
      <c r="B8" s="46">
        <v>10765</v>
      </c>
      <c r="C8" s="47">
        <v>71.107271693621257</v>
      </c>
      <c r="D8" s="48">
        <v>0.37240000000000001</v>
      </c>
      <c r="E8" s="285">
        <v>0.21129637167984341</v>
      </c>
      <c r="F8" s="283">
        <v>7.8691150813056249E-3</v>
      </c>
      <c r="G8" s="285">
        <v>0.44223960828991737</v>
      </c>
      <c r="H8" s="283">
        <v>9.5718777259957942E-3</v>
      </c>
    </row>
    <row r="9" spans="1:8">
      <c r="A9" s="49" t="s">
        <v>437</v>
      </c>
      <c r="B9" s="50">
        <v>8628</v>
      </c>
      <c r="C9" s="51">
        <v>72.033155499690523</v>
      </c>
      <c r="D9" s="52">
        <v>0.41845088882719866</v>
      </c>
      <c r="E9" s="286">
        <v>0.18847712507970982</v>
      </c>
      <c r="F9" s="284">
        <v>8.4213478982355459E-3</v>
      </c>
      <c r="G9" s="286">
        <v>0.47128157181724678</v>
      </c>
      <c r="H9" s="284">
        <v>1.0745519058104679E-2</v>
      </c>
    </row>
    <row r="10" spans="1:8" s="5" customFormat="1">
      <c r="A10" s="45" t="s">
        <v>438</v>
      </c>
      <c r="B10" s="46">
        <v>1973</v>
      </c>
      <c r="C10" s="47">
        <v>68.900000000000006</v>
      </c>
      <c r="D10" s="48">
        <v>0.98</v>
      </c>
      <c r="E10" s="285">
        <v>0.252</v>
      </c>
      <c r="F10" s="283">
        <v>1.9541772765066311E-2</v>
      </c>
      <c r="G10" s="285">
        <v>0.37</v>
      </c>
      <c r="H10" s="283">
        <v>2.1720080486313968E-2</v>
      </c>
    </row>
    <row r="11" spans="1:8" s="5" customFormat="1">
      <c r="A11" s="49" t="s">
        <v>439</v>
      </c>
      <c r="B11" s="50">
        <v>3898</v>
      </c>
      <c r="C11" s="51">
        <v>71.287193175708737</v>
      </c>
      <c r="D11" s="52">
        <v>0.60760000000000003</v>
      </c>
      <c r="E11" s="286">
        <v>0.21716245482269897</v>
      </c>
      <c r="F11" s="284">
        <v>1.320759808935805E-2</v>
      </c>
      <c r="G11" s="286">
        <v>0.45064879030823224</v>
      </c>
      <c r="H11" s="284">
        <v>1.593070105969607E-2</v>
      </c>
    </row>
    <row r="12" spans="1:8" s="5" customFormat="1">
      <c r="A12" s="45" t="s">
        <v>440</v>
      </c>
      <c r="B12" s="46">
        <v>3264</v>
      </c>
      <c r="C12" s="47">
        <v>72.95242123127062</v>
      </c>
      <c r="D12" s="48">
        <v>0.58799999999999997</v>
      </c>
      <c r="E12" s="285">
        <v>0.183</v>
      </c>
      <c r="F12" s="283">
        <v>1.353886669295281E-2</v>
      </c>
      <c r="G12" s="285">
        <v>0.505</v>
      </c>
      <c r="H12" s="283">
        <v>1.7491913192276602E-2</v>
      </c>
    </row>
    <row r="13" spans="1:8" s="5" customFormat="1">
      <c r="A13" s="49" t="s">
        <v>455</v>
      </c>
      <c r="B13" s="50">
        <v>571</v>
      </c>
      <c r="C13" s="51">
        <v>74.157484271271628</v>
      </c>
      <c r="D13" s="52">
        <v>1.5680000000000001</v>
      </c>
      <c r="E13" s="286">
        <v>0.16904688516039068</v>
      </c>
      <c r="F13" s="284">
        <v>3.1428442441171753E-2</v>
      </c>
      <c r="G13" s="286">
        <v>0.56706857547655298</v>
      </c>
      <c r="H13" s="284">
        <v>4.1331253324096665E-2</v>
      </c>
    </row>
    <row r="14" spans="1:8" s="5" customFormat="1">
      <c r="A14" s="45" t="s">
        <v>441</v>
      </c>
      <c r="B14" s="46">
        <v>113</v>
      </c>
      <c r="C14" s="47">
        <v>75.078242616714689</v>
      </c>
      <c r="D14" s="48">
        <v>3.1752000000000002</v>
      </c>
      <c r="E14" s="285">
        <v>0.16103292135624489</v>
      </c>
      <c r="F14" s="283">
        <v>6.9877387989900147E-2</v>
      </c>
      <c r="G14" s="285">
        <v>0.57977748143169983</v>
      </c>
      <c r="H14" s="283">
        <v>9.1345739450388291E-2</v>
      </c>
    </row>
    <row r="15" spans="1:8" s="5" customFormat="1">
      <c r="A15" s="49" t="s">
        <v>442</v>
      </c>
      <c r="B15" s="50">
        <v>175</v>
      </c>
      <c r="C15" s="51">
        <v>74.029558423030949</v>
      </c>
      <c r="D15" s="52">
        <v>3.1360000000000001</v>
      </c>
      <c r="E15" s="286">
        <v>0.19620711386898734</v>
      </c>
      <c r="F15" s="284">
        <v>6.012807454059993E-2</v>
      </c>
      <c r="G15" s="286">
        <v>0.5412136144305949</v>
      </c>
      <c r="H15" s="284">
        <v>7.4500422281796402E-2</v>
      </c>
    </row>
    <row r="16" spans="1:8" s="5" customFormat="1">
      <c r="A16" s="45" t="s">
        <v>443</v>
      </c>
      <c r="B16" s="46">
        <v>135</v>
      </c>
      <c r="C16" s="47">
        <v>72.449965142427772</v>
      </c>
      <c r="D16" s="48">
        <v>3.2731999999999997</v>
      </c>
      <c r="E16" s="285">
        <v>0.186209324627402</v>
      </c>
      <c r="F16" s="283">
        <v>6.7241837512102137E-2</v>
      </c>
      <c r="G16" s="285">
        <v>0.57654202855116032</v>
      </c>
      <c r="H16" s="283">
        <v>8.3876177416288625E-2</v>
      </c>
    </row>
    <row r="17" spans="1:8" s="5" customFormat="1">
      <c r="A17" s="49" t="s">
        <v>444</v>
      </c>
      <c r="B17" s="50">
        <v>148</v>
      </c>
      <c r="C17" s="51">
        <v>74.801089497416541</v>
      </c>
      <c r="D17" s="52">
        <v>2.9007999999999998</v>
      </c>
      <c r="E17" s="286">
        <v>0.13612779709110731</v>
      </c>
      <c r="F17" s="284">
        <v>5.723311197318777E-2</v>
      </c>
      <c r="G17" s="286">
        <v>0.58022639024268696</v>
      </c>
      <c r="H17" s="284">
        <v>8.0114723711210006E-2</v>
      </c>
    </row>
    <row r="18" spans="1:8" s="5" customFormat="1">
      <c r="A18" s="45" t="s">
        <v>456</v>
      </c>
      <c r="B18" s="46">
        <v>524</v>
      </c>
      <c r="C18" s="47">
        <v>71.165211808857634</v>
      </c>
      <c r="D18" s="48">
        <v>1.6463999999999999</v>
      </c>
      <c r="E18" s="285">
        <v>0.19602635610461439</v>
      </c>
      <c r="F18" s="283">
        <v>3.4705985907066972E-2</v>
      </c>
      <c r="G18" s="285">
        <v>0.47073066894874588</v>
      </c>
      <c r="H18" s="283">
        <v>4.3445911801650909E-2</v>
      </c>
    </row>
    <row r="19" spans="1:8" s="5" customFormat="1" ht="24.75" customHeight="1">
      <c r="A19" s="49" t="s">
        <v>445</v>
      </c>
      <c r="B19" s="50">
        <v>170</v>
      </c>
      <c r="C19" s="51">
        <v>70.778025773451205</v>
      </c>
      <c r="D19" s="52">
        <v>2.7243999999999997</v>
      </c>
      <c r="E19" s="286">
        <v>0.2185565244023063</v>
      </c>
      <c r="F19" s="284">
        <v>6.3316313825498169E-2</v>
      </c>
      <c r="G19" s="286">
        <v>0.38249172191763353</v>
      </c>
      <c r="H19" s="284">
        <v>7.3784303053780087E-2</v>
      </c>
    </row>
    <row r="20" spans="1:8">
      <c r="A20" s="45" t="s">
        <v>446</v>
      </c>
      <c r="B20" s="46">
        <v>122</v>
      </c>
      <c r="C20" s="47">
        <v>73.152046157781115</v>
      </c>
      <c r="D20" s="48">
        <v>2.9988000000000001</v>
      </c>
      <c r="E20" s="285">
        <v>0.15873672260829041</v>
      </c>
      <c r="F20" s="283">
        <v>6.6860748592691727E-2</v>
      </c>
      <c r="G20" s="285">
        <v>0.553017472873083</v>
      </c>
      <c r="H20" s="283">
        <v>8.8616308933677584E-2</v>
      </c>
    </row>
    <row r="21" spans="1:8">
      <c r="A21" s="49" t="s">
        <v>447</v>
      </c>
      <c r="B21" s="50">
        <v>96</v>
      </c>
      <c r="C21" s="51">
        <v>71.831828708769152</v>
      </c>
      <c r="D21" s="52">
        <v>3.7043999999999997</v>
      </c>
      <c r="E21" s="286">
        <v>0.17243847078473259</v>
      </c>
      <c r="F21" s="284">
        <v>7.7747152879890882E-2</v>
      </c>
      <c r="G21" s="286">
        <v>0.48728192264921399</v>
      </c>
      <c r="H21" s="284">
        <v>9.9970181888127632E-2</v>
      </c>
    </row>
    <row r="22" spans="1:8">
      <c r="A22" s="57" t="s">
        <v>448</v>
      </c>
      <c r="B22" s="46">
        <v>136</v>
      </c>
      <c r="C22" s="47">
        <v>67.473650748276981</v>
      </c>
      <c r="D22" s="48">
        <v>3.7827999999999999</v>
      </c>
      <c r="E22" s="285">
        <v>0.2524220604750837</v>
      </c>
      <c r="F22" s="283">
        <v>7.409601672825325E-2</v>
      </c>
      <c r="G22" s="285">
        <v>0.45663075535419256</v>
      </c>
      <c r="H22" s="283">
        <v>8.4214870201138395E-2</v>
      </c>
    </row>
    <row r="23" spans="1:8">
      <c r="A23" s="49" t="s">
        <v>457</v>
      </c>
      <c r="B23" s="50">
        <v>737</v>
      </c>
      <c r="C23" s="51">
        <v>72.829090458595502</v>
      </c>
      <c r="D23" s="52">
        <v>1.3523999999999998</v>
      </c>
      <c r="E23" s="286">
        <v>0.18691382482570956</v>
      </c>
      <c r="F23" s="284">
        <v>2.8741715282191407E-2</v>
      </c>
      <c r="G23" s="286">
        <v>0.51818397887535517</v>
      </c>
      <c r="H23" s="284">
        <v>3.6711877644494413E-2</v>
      </c>
    </row>
    <row r="24" spans="1:8">
      <c r="A24" s="57" t="s">
        <v>449</v>
      </c>
      <c r="B24" s="46">
        <v>131</v>
      </c>
      <c r="C24" s="47">
        <v>71.702099617801082</v>
      </c>
      <c r="D24" s="48">
        <v>3.234</v>
      </c>
      <c r="E24" s="285">
        <v>0.21148841941927957</v>
      </c>
      <c r="F24" s="283">
        <v>7.1309584546636259E-2</v>
      </c>
      <c r="G24" s="285">
        <v>0.50444551655533409</v>
      </c>
      <c r="H24" s="283">
        <v>8.6063093333296439E-2</v>
      </c>
    </row>
    <row r="25" spans="1:8">
      <c r="A25" s="49" t="s">
        <v>450</v>
      </c>
      <c r="B25" s="50">
        <v>105</v>
      </c>
      <c r="C25" s="51">
        <v>75.539866598132406</v>
      </c>
      <c r="D25" s="52">
        <v>3.4299999999999997</v>
      </c>
      <c r="E25" s="286">
        <v>0.1245887457469867</v>
      </c>
      <c r="F25" s="284">
        <v>6.614422600192886E-2</v>
      </c>
      <c r="G25" s="286">
        <v>0.54793113173193209</v>
      </c>
      <c r="H25" s="284">
        <v>9.5373361689223835E-2</v>
      </c>
    </row>
    <row r="26" spans="1:8" ht="25.5">
      <c r="A26" s="57" t="s">
        <v>451</v>
      </c>
      <c r="B26" s="46">
        <v>187</v>
      </c>
      <c r="C26" s="47">
        <v>74.909772838727577</v>
      </c>
      <c r="D26" s="48">
        <v>2.6459999999999999</v>
      </c>
      <c r="E26" s="285">
        <v>0.17574427997427372</v>
      </c>
      <c r="F26" s="283">
        <v>5.5901176515362069E-2</v>
      </c>
      <c r="G26" s="285">
        <v>0.58710944731076653</v>
      </c>
      <c r="H26" s="283">
        <v>7.1297098405956896E-2</v>
      </c>
    </row>
    <row r="27" spans="1:8">
      <c r="A27" s="49" t="s">
        <v>452</v>
      </c>
      <c r="B27" s="50">
        <v>85</v>
      </c>
      <c r="C27" s="51">
        <v>72.304341612513142</v>
      </c>
      <c r="D27" s="52">
        <v>4.6452</v>
      </c>
      <c r="E27" s="286">
        <v>0.19897017316642773</v>
      </c>
      <c r="F27" s="284">
        <v>8.6724028800063913E-2</v>
      </c>
      <c r="G27" s="286">
        <v>0.58064547063790595</v>
      </c>
      <c r="H27" s="284">
        <v>0.10473460788469463</v>
      </c>
    </row>
    <row r="28" spans="1:8" s="5" customFormat="1">
      <c r="A28" s="57" t="s">
        <v>453</v>
      </c>
      <c r="B28" s="46">
        <v>96</v>
      </c>
      <c r="C28" s="47">
        <v>71.290157559838747</v>
      </c>
      <c r="D28" s="48">
        <v>3.7827999999999999</v>
      </c>
      <c r="E28" s="285">
        <v>0.21020085266726249</v>
      </c>
      <c r="F28" s="283">
        <v>8.3090496254512564E-2</v>
      </c>
      <c r="G28" s="285">
        <v>0.48486404450433557</v>
      </c>
      <c r="H28" s="283">
        <v>9.9957763894096108E-2</v>
      </c>
    </row>
    <row r="29" spans="1:8" s="5" customFormat="1">
      <c r="A29" s="49" t="s">
        <v>454</v>
      </c>
      <c r="B29" s="50">
        <v>133</v>
      </c>
      <c r="C29" s="51">
        <v>70.904030051431988</v>
      </c>
      <c r="D29" s="52">
        <v>2.9792000000000001</v>
      </c>
      <c r="E29" s="286">
        <v>0.20444453721280062</v>
      </c>
      <c r="F29" s="284">
        <v>6.9968378587784527E-2</v>
      </c>
      <c r="G29" s="286">
        <v>0.44170349579219198</v>
      </c>
      <c r="H29" s="284">
        <v>8.4886712314955023E-2</v>
      </c>
    </row>
    <row r="30" spans="1:8" s="5" customFormat="1"/>
    <row r="32" spans="1:8" ht="18.75">
      <c r="A32" s="321" t="s">
        <v>7</v>
      </c>
      <c r="B32" s="321"/>
      <c r="C32" s="321"/>
      <c r="D32" s="321"/>
      <c r="E32" s="321"/>
      <c r="F32" s="321"/>
      <c r="G32" s="321"/>
      <c r="H32" s="321"/>
    </row>
    <row r="33" spans="1:8" ht="115.5" customHeight="1">
      <c r="A33" s="327" t="s">
        <v>290</v>
      </c>
      <c r="B33" s="327"/>
      <c r="C33" s="327"/>
      <c r="D33" s="327"/>
      <c r="E33" s="327"/>
      <c r="F33" s="327"/>
      <c r="G33" s="327"/>
      <c r="H33" s="327"/>
    </row>
    <row r="34" spans="1:8" ht="39.75" customHeight="1">
      <c r="A34" s="315" t="s">
        <v>92</v>
      </c>
      <c r="B34" s="316"/>
      <c r="C34" s="316"/>
      <c r="D34" s="316"/>
      <c r="E34" s="316"/>
      <c r="F34" s="316"/>
      <c r="G34" s="316"/>
      <c r="H34" s="316"/>
    </row>
    <row r="35" spans="1:8" ht="45" customHeight="1">
      <c r="A35" s="37" t="s">
        <v>85</v>
      </c>
      <c r="B35" s="38" t="s">
        <v>86</v>
      </c>
      <c r="C35" s="39" t="s">
        <v>87</v>
      </c>
      <c r="D35" s="40" t="s">
        <v>88</v>
      </c>
      <c r="E35" s="38" t="s">
        <v>410</v>
      </c>
      <c r="F35" s="40" t="s">
        <v>414</v>
      </c>
      <c r="G35" s="39" t="s">
        <v>412</v>
      </c>
      <c r="H35" s="40" t="s">
        <v>414</v>
      </c>
    </row>
    <row r="36" spans="1:8" ht="87" customHeight="1">
      <c r="A36" s="41"/>
      <c r="B36" s="42" t="s">
        <v>89</v>
      </c>
      <c r="C36" s="43" t="s">
        <v>90</v>
      </c>
      <c r="D36" s="44" t="s">
        <v>91</v>
      </c>
      <c r="E36" s="42" t="s">
        <v>411</v>
      </c>
      <c r="F36" s="91" t="s">
        <v>104</v>
      </c>
      <c r="G36" s="128" t="s">
        <v>413</v>
      </c>
      <c r="H36" s="91" t="s">
        <v>104</v>
      </c>
    </row>
    <row r="37" spans="1:8">
      <c r="A37" s="45" t="s">
        <v>436</v>
      </c>
      <c r="B37" s="58">
        <v>10728</v>
      </c>
      <c r="C37" s="59">
        <v>69.8</v>
      </c>
      <c r="D37" s="60">
        <v>0.3332</v>
      </c>
      <c r="E37" s="287">
        <v>0.26500000000000001</v>
      </c>
      <c r="F37" s="288">
        <v>8.5212273349339705E-3</v>
      </c>
      <c r="G37" s="287">
        <v>0.32600000000000001</v>
      </c>
      <c r="H37" s="288">
        <v>9.0500444183065909E-3</v>
      </c>
    </row>
    <row r="38" spans="1:8" s="5" customFormat="1">
      <c r="A38" s="49" t="s">
        <v>437</v>
      </c>
      <c r="B38" s="61">
        <v>8596</v>
      </c>
      <c r="C38" s="62">
        <v>71.347129350525535</v>
      </c>
      <c r="D38" s="63">
        <v>0.37445591310394172</v>
      </c>
      <c r="E38" s="289">
        <v>0.23599999999999999</v>
      </c>
      <c r="F38" s="290">
        <v>9.1592834697616834E-3</v>
      </c>
      <c r="G38" s="289">
        <v>0.36099999999999999</v>
      </c>
      <c r="H38" s="290">
        <v>1.0358615532065801E-2</v>
      </c>
    </row>
    <row r="39" spans="1:8" s="5" customFormat="1">
      <c r="A39" s="45" t="s">
        <v>438</v>
      </c>
      <c r="B39" s="54">
        <v>1962</v>
      </c>
      <c r="C39" s="55">
        <v>66.88</v>
      </c>
      <c r="D39" s="56">
        <v>0.82319999999999993</v>
      </c>
      <c r="E39" s="291">
        <v>0.33</v>
      </c>
      <c r="F39" s="288">
        <v>2.1215240474457296E-2</v>
      </c>
      <c r="G39" s="291">
        <v>0.26500000000000001</v>
      </c>
      <c r="H39" s="288">
        <v>1.9918424257417147E-2</v>
      </c>
    </row>
    <row r="40" spans="1:8" s="5" customFormat="1">
      <c r="A40" s="49" t="s">
        <v>439</v>
      </c>
      <c r="B40" s="61">
        <v>3881</v>
      </c>
      <c r="C40" s="62">
        <v>70.099999999999994</v>
      </c>
      <c r="D40" s="63">
        <v>0.54880000000000007</v>
      </c>
      <c r="E40" s="289">
        <v>0.25387202943364107</v>
      </c>
      <c r="F40" s="290">
        <v>1.3969840735859504E-2</v>
      </c>
      <c r="G40" s="289">
        <v>0.33042155496921188</v>
      </c>
      <c r="H40" s="290">
        <v>1.5094804194734343E-2</v>
      </c>
    </row>
    <row r="41" spans="1:8" s="5" customFormat="1">
      <c r="A41" s="45" t="s">
        <v>440</v>
      </c>
      <c r="B41" s="54">
        <v>3248</v>
      </c>
      <c r="C41" s="55">
        <v>71.849999999999994</v>
      </c>
      <c r="D41" s="56">
        <v>0.58799999999999997</v>
      </c>
      <c r="E41" s="291">
        <v>0.223</v>
      </c>
      <c r="F41" s="288">
        <v>1.4606761780746162E-2</v>
      </c>
      <c r="G41" s="291">
        <v>0.36399999999999999</v>
      </c>
      <c r="H41" s="288">
        <v>1.687627623097487E-2</v>
      </c>
    </row>
    <row r="42" spans="1:8" s="5" customFormat="1">
      <c r="A42" s="49" t="s">
        <v>455</v>
      </c>
      <c r="B42" s="61">
        <v>568</v>
      </c>
      <c r="C42" s="62">
        <v>72.5</v>
      </c>
      <c r="D42" s="63">
        <v>1.4307999999999998</v>
      </c>
      <c r="E42" s="289">
        <v>0.21438233391316022</v>
      </c>
      <c r="F42" s="290">
        <v>3.4434441905874372E-2</v>
      </c>
      <c r="G42" s="289">
        <v>0.42872114602223294</v>
      </c>
      <c r="H42" s="290">
        <v>4.1391034375271328E-2</v>
      </c>
    </row>
    <row r="43" spans="1:8" s="5" customFormat="1">
      <c r="A43" s="45" t="s">
        <v>441</v>
      </c>
      <c r="B43" s="54">
        <v>113</v>
      </c>
      <c r="C43" s="55">
        <v>73</v>
      </c>
      <c r="D43" s="56">
        <v>3.2143999999999999</v>
      </c>
      <c r="E43" s="291">
        <v>0.18314908229507076</v>
      </c>
      <c r="F43" s="288">
        <v>7.3112192010045554E-2</v>
      </c>
      <c r="G43" s="291">
        <v>0.59341469332310415</v>
      </c>
      <c r="H43" s="288">
        <v>9.0932522366377957E-2</v>
      </c>
    </row>
    <row r="44" spans="1:8" s="5" customFormat="1">
      <c r="A44" s="49" t="s">
        <v>442</v>
      </c>
      <c r="B44" s="61">
        <v>174</v>
      </c>
      <c r="C44" s="62">
        <v>70.7</v>
      </c>
      <c r="D44" s="63">
        <v>2.7635999999999998</v>
      </c>
      <c r="E44" s="289">
        <v>0.26523683497743566</v>
      </c>
      <c r="F44" s="290">
        <v>6.6592074776495425E-2</v>
      </c>
      <c r="G44" s="289">
        <v>0.36675536825977417</v>
      </c>
      <c r="H44" s="290">
        <v>7.2365309372073375E-2</v>
      </c>
    </row>
    <row r="45" spans="1:8" s="5" customFormat="1">
      <c r="A45" s="45" t="s">
        <v>443</v>
      </c>
      <c r="B45" s="54">
        <v>135</v>
      </c>
      <c r="C45" s="55">
        <v>73.3</v>
      </c>
      <c r="D45" s="56">
        <v>2.9203999999999999</v>
      </c>
      <c r="E45" s="291">
        <v>0.1877535163863944</v>
      </c>
      <c r="F45" s="288">
        <v>6.743668110937534E-2</v>
      </c>
      <c r="G45" s="291">
        <v>0.44893841347355357</v>
      </c>
      <c r="H45" s="288">
        <v>8.4400657171971524E-2</v>
      </c>
    </row>
    <row r="46" spans="1:8" s="5" customFormat="1">
      <c r="A46" s="49" t="s">
        <v>444</v>
      </c>
      <c r="B46" s="61">
        <v>146</v>
      </c>
      <c r="C46" s="62">
        <v>73.5</v>
      </c>
      <c r="D46" s="63">
        <v>2.5284</v>
      </c>
      <c r="E46" s="289">
        <v>0.19649670344744372</v>
      </c>
      <c r="F46" s="290">
        <v>6.5875236737061874E-2</v>
      </c>
      <c r="G46" s="289">
        <v>0.38798745454355571</v>
      </c>
      <c r="H46" s="290">
        <v>7.968495143622209E-2</v>
      </c>
    </row>
    <row r="47" spans="1:8" s="5" customFormat="1">
      <c r="A47" s="45" t="s">
        <v>456</v>
      </c>
      <c r="B47" s="58">
        <v>523</v>
      </c>
      <c r="C47" s="59">
        <v>71.400000000000006</v>
      </c>
      <c r="D47" s="60">
        <v>1.4112</v>
      </c>
      <c r="E47" s="287">
        <v>0.21886924890508838</v>
      </c>
      <c r="F47" s="288">
        <v>3.6148619254040983E-2</v>
      </c>
      <c r="G47" s="287">
        <v>0.32500530488779239</v>
      </c>
      <c r="H47" s="288">
        <v>4.0848678027887234E-2</v>
      </c>
    </row>
    <row r="48" spans="1:8" ht="27" customHeight="1">
      <c r="A48" s="49" t="s">
        <v>445</v>
      </c>
      <c r="B48" s="61">
        <v>171</v>
      </c>
      <c r="C48" s="62">
        <v>71.8</v>
      </c>
      <c r="D48" s="63">
        <v>2.3715999999999999</v>
      </c>
      <c r="E48" s="289">
        <v>0.23250671373906986</v>
      </c>
      <c r="F48" s="290">
        <v>6.4441501774181884E-2</v>
      </c>
      <c r="G48" s="289">
        <v>0.35605699758705134</v>
      </c>
      <c r="H48" s="290">
        <v>7.2540316796646548E-2</v>
      </c>
    </row>
    <row r="49" spans="1:50">
      <c r="A49" s="45" t="s">
        <v>446</v>
      </c>
      <c r="B49" s="54">
        <v>121</v>
      </c>
      <c r="C49" s="55">
        <v>72.3</v>
      </c>
      <c r="D49" s="56">
        <v>2.7831999999999999</v>
      </c>
      <c r="E49" s="291">
        <v>0.20362813019080106</v>
      </c>
      <c r="F49" s="288">
        <v>7.3254688354195865E-2</v>
      </c>
      <c r="G49" s="291">
        <v>0.29030722383481494</v>
      </c>
      <c r="H49" s="288">
        <v>8.1740675039516111E-2</v>
      </c>
    </row>
    <row r="50" spans="1:50">
      <c r="A50" s="49" t="s">
        <v>447</v>
      </c>
      <c r="B50" s="61">
        <v>96</v>
      </c>
      <c r="C50" s="62">
        <v>70.8</v>
      </c>
      <c r="D50" s="63">
        <v>3.3908</v>
      </c>
      <c r="E50" s="289">
        <v>0.17712967771298202</v>
      </c>
      <c r="F50" s="290">
        <v>7.8467211546059928E-2</v>
      </c>
      <c r="G50" s="289">
        <v>0.32557308948784625</v>
      </c>
      <c r="H50" s="290">
        <v>9.4225379396991132E-2</v>
      </c>
    </row>
    <row r="51" spans="1:50">
      <c r="A51" s="57" t="s">
        <v>448</v>
      </c>
      <c r="B51" s="58">
        <v>135</v>
      </c>
      <c r="C51" s="59">
        <v>70</v>
      </c>
      <c r="D51" s="60">
        <v>3.0575999999999999</v>
      </c>
      <c r="E51" s="287">
        <v>0.27405729444778526</v>
      </c>
      <c r="F51" s="288">
        <v>7.6213587429512786E-2</v>
      </c>
      <c r="G51" s="287">
        <v>0.33241987376458654</v>
      </c>
      <c r="H51" s="288">
        <v>8.0199380811928109E-2</v>
      </c>
    </row>
    <row r="52" spans="1:50">
      <c r="A52" s="49" t="s">
        <v>457</v>
      </c>
      <c r="B52" s="61">
        <v>733</v>
      </c>
      <c r="C52" s="62">
        <v>70.900000000000006</v>
      </c>
      <c r="D52" s="63">
        <v>1.274</v>
      </c>
      <c r="E52" s="289">
        <v>0.25021095958079964</v>
      </c>
      <c r="F52" s="290">
        <v>3.1966814450855044E-2</v>
      </c>
      <c r="G52" s="289">
        <v>0.34065994018345208</v>
      </c>
      <c r="H52" s="290">
        <v>3.493631291605958E-2</v>
      </c>
    </row>
    <row r="53" spans="1:50">
      <c r="A53" s="57" t="s">
        <v>449</v>
      </c>
      <c r="B53" s="58">
        <v>130</v>
      </c>
      <c r="C53" s="59">
        <v>71.8</v>
      </c>
      <c r="D53" s="60">
        <v>2.8224</v>
      </c>
      <c r="E53" s="287">
        <v>0.27187182268270682</v>
      </c>
      <c r="F53" s="288">
        <v>7.7463168761971277E-2</v>
      </c>
      <c r="G53" s="287">
        <v>0.38046193510064036</v>
      </c>
      <c r="H53" s="288">
        <v>8.403109121341773E-2</v>
      </c>
    </row>
    <row r="54" spans="1:50">
      <c r="A54" s="49" t="s">
        <v>450</v>
      </c>
      <c r="B54" s="61">
        <v>105</v>
      </c>
      <c r="C54" s="62">
        <v>73.8</v>
      </c>
      <c r="D54" s="63">
        <v>3.2143999999999999</v>
      </c>
      <c r="E54" s="289">
        <v>0.11374316510153389</v>
      </c>
      <c r="F54" s="290">
        <v>6.3982446776266341E-2</v>
      </c>
      <c r="G54" s="289">
        <v>0.31390889335541466</v>
      </c>
      <c r="H54" s="290">
        <v>8.9415042634061401E-2</v>
      </c>
    </row>
    <row r="55" spans="1:50" ht="25.5">
      <c r="A55" s="57" t="s">
        <v>451</v>
      </c>
      <c r="B55" s="58">
        <v>186</v>
      </c>
      <c r="C55" s="59">
        <v>74.7</v>
      </c>
      <c r="D55" s="60">
        <v>2.5872000000000002</v>
      </c>
      <c r="E55" s="287">
        <v>0.19474405186589538</v>
      </c>
      <c r="F55" s="288">
        <v>5.8165087317134011E-2</v>
      </c>
      <c r="G55" s="287">
        <v>0.45959871632127763</v>
      </c>
      <c r="H55" s="288">
        <v>7.2320302125842117E-2</v>
      </c>
    </row>
    <row r="56" spans="1:50">
      <c r="A56" s="49" t="s">
        <v>452</v>
      </c>
      <c r="B56" s="61">
        <v>84</v>
      </c>
      <c r="C56" s="62">
        <v>72.7</v>
      </c>
      <c r="D56" s="63">
        <v>3.9003999999999999</v>
      </c>
      <c r="E56" s="289">
        <v>0.18639228275744091</v>
      </c>
      <c r="F56" s="290">
        <v>8.5383596614122689E-2</v>
      </c>
      <c r="G56" s="289">
        <v>0.39443857308977498</v>
      </c>
      <c r="H56" s="290">
        <v>0.10441324835597758</v>
      </c>
    </row>
    <row r="57" spans="1:50">
      <c r="A57" s="57" t="s">
        <v>453</v>
      </c>
      <c r="B57" s="58">
        <v>96</v>
      </c>
      <c r="C57" s="59">
        <v>69.5</v>
      </c>
      <c r="D57" s="60">
        <v>3.4691999999999998</v>
      </c>
      <c r="E57" s="287">
        <v>0.26447135673444283</v>
      </c>
      <c r="F57" s="288">
        <v>8.9190896297433722E-2</v>
      </c>
      <c r="G57" s="287">
        <v>0.2795590380737899</v>
      </c>
      <c r="H57" s="288">
        <v>9.0601450092662753E-2</v>
      </c>
    </row>
    <row r="58" spans="1:50">
      <c r="A58" s="49" t="s">
        <v>454</v>
      </c>
      <c r="B58" s="61">
        <v>132</v>
      </c>
      <c r="C58" s="62">
        <v>64.900000000000006</v>
      </c>
      <c r="D58" s="63">
        <v>3.0379999999999998</v>
      </c>
      <c r="E58" s="289">
        <v>0.3981420080367632</v>
      </c>
      <c r="F58" s="290">
        <v>8.4056401163991712E-2</v>
      </c>
      <c r="G58" s="289">
        <v>0.2475269428748994</v>
      </c>
      <c r="H58" s="290">
        <v>7.4745014009945293E-2</v>
      </c>
    </row>
    <row r="59" spans="1:50" s="5" customFormat="1"/>
    <row r="61" spans="1:50" ht="18.75">
      <c r="A61" s="321" t="s">
        <v>32</v>
      </c>
      <c r="B61" s="321"/>
      <c r="C61" s="321"/>
      <c r="D61" s="321"/>
      <c r="E61" s="321"/>
      <c r="F61" s="321"/>
      <c r="G61" s="321"/>
      <c r="H61" s="321"/>
      <c r="I61" s="321"/>
      <c r="J61" s="321"/>
      <c r="K61" s="321"/>
      <c r="L61" s="321"/>
      <c r="M61" s="321"/>
      <c r="N61" s="321"/>
      <c r="O61" s="321"/>
      <c r="P61" s="321"/>
      <c r="Q61" s="321"/>
      <c r="R61" s="321"/>
      <c r="S61" s="321"/>
      <c r="T61" s="321"/>
      <c r="U61" s="321"/>
      <c r="V61" s="321"/>
      <c r="W61" s="321"/>
      <c r="X61" s="321"/>
      <c r="Y61" s="321"/>
      <c r="Z61" s="321"/>
      <c r="AA61" s="321"/>
      <c r="AB61" s="321"/>
      <c r="AC61" s="321"/>
      <c r="AD61" s="321"/>
      <c r="AE61" s="321"/>
      <c r="AF61" s="321"/>
      <c r="AG61" s="321"/>
      <c r="AH61" s="321"/>
      <c r="AI61" s="321"/>
      <c r="AJ61" s="321"/>
      <c r="AK61" s="321"/>
      <c r="AL61" s="321"/>
      <c r="AM61" s="321"/>
      <c r="AN61" s="321"/>
      <c r="AO61" s="321"/>
      <c r="AP61" s="321"/>
      <c r="AQ61" s="321"/>
      <c r="AR61" s="321"/>
      <c r="AS61" s="321"/>
      <c r="AT61" s="321"/>
      <c r="AU61" s="321"/>
      <c r="AV61" s="321"/>
      <c r="AW61" s="321"/>
      <c r="AX61" s="321"/>
    </row>
    <row r="62" spans="1:50" ht="70.5" customHeight="1">
      <c r="A62" s="320" t="s">
        <v>93</v>
      </c>
      <c r="B62" s="320"/>
      <c r="C62" s="320"/>
      <c r="D62" s="320"/>
      <c r="E62" s="320"/>
      <c r="F62" s="320"/>
      <c r="G62" s="320"/>
      <c r="H62" s="320"/>
      <c r="I62" s="320"/>
      <c r="J62" s="320"/>
      <c r="K62" s="320"/>
      <c r="L62" s="320"/>
      <c r="M62" s="320"/>
      <c r="N62" s="320"/>
      <c r="O62" s="320"/>
      <c r="P62" s="320"/>
      <c r="Q62" s="320"/>
      <c r="R62" s="320"/>
      <c r="S62" s="320"/>
      <c r="T62" s="320"/>
      <c r="U62" s="320"/>
      <c r="V62" s="320"/>
      <c r="W62" s="320"/>
      <c r="X62" s="320"/>
      <c r="Y62" s="320"/>
      <c r="Z62" s="320"/>
      <c r="AA62" s="320"/>
      <c r="AB62" s="320"/>
      <c r="AC62" s="320"/>
      <c r="AD62" s="320"/>
      <c r="AE62" s="320"/>
      <c r="AF62" s="320"/>
      <c r="AG62" s="320"/>
      <c r="AH62" s="320"/>
      <c r="AI62" s="320"/>
      <c r="AJ62" s="320"/>
      <c r="AK62" s="320"/>
      <c r="AL62" s="320"/>
      <c r="AM62" s="320"/>
      <c r="AN62" s="320"/>
      <c r="AO62" s="320"/>
      <c r="AP62" s="320"/>
      <c r="AQ62" s="320"/>
      <c r="AR62" s="320"/>
      <c r="AS62" s="320"/>
      <c r="AT62" s="320"/>
      <c r="AU62" s="320"/>
      <c r="AV62" s="320"/>
      <c r="AW62" s="320"/>
      <c r="AX62" s="320"/>
    </row>
    <row r="63" spans="1:50" ht="32.25" customHeight="1">
      <c r="A63" s="64" t="s">
        <v>94</v>
      </c>
      <c r="B63" s="317" t="s">
        <v>95</v>
      </c>
      <c r="C63" s="318"/>
      <c r="D63" s="318"/>
      <c r="E63" s="318"/>
      <c r="F63" s="318"/>
      <c r="G63" s="318"/>
      <c r="H63" s="319"/>
      <c r="I63" s="317" t="s">
        <v>416</v>
      </c>
      <c r="J63" s="318"/>
      <c r="K63" s="318"/>
      <c r="L63" s="318"/>
      <c r="M63" s="318"/>
      <c r="N63" s="318"/>
      <c r="O63" s="319"/>
      <c r="P63" s="317" t="s">
        <v>417</v>
      </c>
      <c r="Q63" s="318"/>
      <c r="R63" s="318"/>
      <c r="S63" s="318"/>
      <c r="T63" s="318"/>
      <c r="U63" s="318"/>
      <c r="V63" s="319"/>
      <c r="W63" s="317" t="s">
        <v>96</v>
      </c>
      <c r="X63" s="318"/>
      <c r="Y63" s="318"/>
      <c r="Z63" s="318"/>
      <c r="AA63" s="318"/>
      <c r="AB63" s="318"/>
      <c r="AC63" s="319"/>
      <c r="AD63" s="317" t="s">
        <v>97</v>
      </c>
      <c r="AE63" s="318"/>
      <c r="AF63" s="318"/>
      <c r="AG63" s="318"/>
      <c r="AH63" s="318"/>
      <c r="AI63" s="318"/>
      <c r="AJ63" s="319"/>
      <c r="AK63" s="317" t="s">
        <v>98</v>
      </c>
      <c r="AL63" s="318"/>
      <c r="AM63" s="318"/>
      <c r="AN63" s="318"/>
      <c r="AO63" s="318"/>
      <c r="AP63" s="318"/>
      <c r="AQ63" s="319"/>
      <c r="AR63" s="317" t="s">
        <v>99</v>
      </c>
      <c r="AS63" s="318"/>
      <c r="AT63" s="318"/>
      <c r="AU63" s="318"/>
      <c r="AV63" s="318"/>
      <c r="AW63" s="318"/>
      <c r="AX63" s="319"/>
    </row>
    <row r="64" spans="1:50" ht="43.5" customHeight="1">
      <c r="A64" s="37" t="s">
        <v>85</v>
      </c>
      <c r="B64" s="38" t="s">
        <v>86</v>
      </c>
      <c r="C64" s="39" t="s">
        <v>87</v>
      </c>
      <c r="D64" s="40" t="s">
        <v>88</v>
      </c>
      <c r="E64" s="39" t="s">
        <v>410</v>
      </c>
      <c r="F64" s="40" t="s">
        <v>414</v>
      </c>
      <c r="G64" s="39" t="s">
        <v>412</v>
      </c>
      <c r="H64" s="40" t="s">
        <v>415</v>
      </c>
      <c r="I64" s="65" t="s">
        <v>86</v>
      </c>
      <c r="J64" s="66" t="s">
        <v>87</v>
      </c>
      <c r="K64" s="67" t="s">
        <v>88</v>
      </c>
      <c r="L64" s="66" t="s">
        <v>410</v>
      </c>
      <c r="M64" s="67" t="s">
        <v>414</v>
      </c>
      <c r="N64" s="66" t="s">
        <v>412</v>
      </c>
      <c r="O64" s="67" t="s">
        <v>415</v>
      </c>
      <c r="P64" s="38" t="s">
        <v>86</v>
      </c>
      <c r="Q64" s="39" t="s">
        <v>87</v>
      </c>
      <c r="R64" s="40" t="s">
        <v>88</v>
      </c>
      <c r="S64" s="39" t="s">
        <v>410</v>
      </c>
      <c r="T64" s="40" t="s">
        <v>414</v>
      </c>
      <c r="U64" s="39" t="s">
        <v>412</v>
      </c>
      <c r="V64" s="40" t="s">
        <v>415</v>
      </c>
      <c r="W64" s="65" t="s">
        <v>86</v>
      </c>
      <c r="X64" s="66" t="s">
        <v>87</v>
      </c>
      <c r="Y64" s="67" t="s">
        <v>88</v>
      </c>
      <c r="Z64" s="66" t="s">
        <v>410</v>
      </c>
      <c r="AA64" s="67" t="s">
        <v>414</v>
      </c>
      <c r="AB64" s="66" t="s">
        <v>412</v>
      </c>
      <c r="AC64" s="67" t="s">
        <v>415</v>
      </c>
      <c r="AD64" s="38" t="s">
        <v>86</v>
      </c>
      <c r="AE64" s="39" t="s">
        <v>87</v>
      </c>
      <c r="AF64" s="40" t="s">
        <v>88</v>
      </c>
      <c r="AG64" s="39" t="s">
        <v>410</v>
      </c>
      <c r="AH64" s="40" t="s">
        <v>414</v>
      </c>
      <c r="AI64" s="39" t="s">
        <v>412</v>
      </c>
      <c r="AJ64" s="40" t="s">
        <v>415</v>
      </c>
      <c r="AK64" s="65" t="s">
        <v>86</v>
      </c>
      <c r="AL64" s="66" t="s">
        <v>87</v>
      </c>
      <c r="AM64" s="67" t="s">
        <v>88</v>
      </c>
      <c r="AN64" s="66" t="s">
        <v>410</v>
      </c>
      <c r="AO64" s="67" t="s">
        <v>414</v>
      </c>
      <c r="AP64" s="66" t="s">
        <v>412</v>
      </c>
      <c r="AQ64" s="67" t="s">
        <v>415</v>
      </c>
      <c r="AR64" s="38" t="s">
        <v>86</v>
      </c>
      <c r="AS64" s="39" t="s">
        <v>87</v>
      </c>
      <c r="AT64" s="40" t="s">
        <v>88</v>
      </c>
      <c r="AU64" s="39" t="s">
        <v>410</v>
      </c>
      <c r="AV64" s="40" t="s">
        <v>414</v>
      </c>
      <c r="AW64" s="39" t="s">
        <v>412</v>
      </c>
      <c r="AX64" s="40" t="s">
        <v>415</v>
      </c>
    </row>
    <row r="65" spans="1:50" ht="90" customHeight="1">
      <c r="A65" s="41"/>
      <c r="B65" s="42" t="s">
        <v>89</v>
      </c>
      <c r="C65" s="43" t="s">
        <v>90</v>
      </c>
      <c r="D65" s="44" t="s">
        <v>91</v>
      </c>
      <c r="E65" s="43" t="s">
        <v>411</v>
      </c>
      <c r="F65" s="91" t="s">
        <v>104</v>
      </c>
      <c r="G65" s="43" t="s">
        <v>413</v>
      </c>
      <c r="H65" s="91" t="s">
        <v>104</v>
      </c>
      <c r="I65" s="68" t="s">
        <v>89</v>
      </c>
      <c r="J65" s="69" t="s">
        <v>90</v>
      </c>
      <c r="K65" s="70" t="s">
        <v>91</v>
      </c>
      <c r="L65" s="69" t="s">
        <v>411</v>
      </c>
      <c r="M65" s="70" t="s">
        <v>91</v>
      </c>
      <c r="N65" s="69" t="s">
        <v>413</v>
      </c>
      <c r="O65" s="70" t="s">
        <v>104</v>
      </c>
      <c r="P65" s="42" t="s">
        <v>89</v>
      </c>
      <c r="Q65" s="43" t="s">
        <v>90</v>
      </c>
      <c r="R65" s="44" t="s">
        <v>91</v>
      </c>
      <c r="S65" s="43" t="s">
        <v>411</v>
      </c>
      <c r="T65" s="44" t="s">
        <v>104</v>
      </c>
      <c r="U65" s="43" t="s">
        <v>413</v>
      </c>
      <c r="V65" s="44" t="s">
        <v>104</v>
      </c>
      <c r="W65" s="68" t="s">
        <v>89</v>
      </c>
      <c r="X65" s="69" t="s">
        <v>90</v>
      </c>
      <c r="Y65" s="70" t="s">
        <v>91</v>
      </c>
      <c r="Z65" s="69" t="s">
        <v>411</v>
      </c>
      <c r="AA65" s="70" t="s">
        <v>104</v>
      </c>
      <c r="AB65" s="69" t="s">
        <v>413</v>
      </c>
      <c r="AC65" s="70" t="s">
        <v>104</v>
      </c>
      <c r="AD65" s="42" t="s">
        <v>89</v>
      </c>
      <c r="AE65" s="43" t="s">
        <v>90</v>
      </c>
      <c r="AF65" s="44" t="s">
        <v>91</v>
      </c>
      <c r="AG65" s="43" t="s">
        <v>411</v>
      </c>
      <c r="AH65" s="44" t="s">
        <v>104</v>
      </c>
      <c r="AI65" s="43" t="s">
        <v>413</v>
      </c>
      <c r="AJ65" s="44" t="s">
        <v>104</v>
      </c>
      <c r="AK65" s="68" t="s">
        <v>89</v>
      </c>
      <c r="AL65" s="69" t="s">
        <v>90</v>
      </c>
      <c r="AM65" s="70" t="s">
        <v>91</v>
      </c>
      <c r="AN65" s="69" t="s">
        <v>411</v>
      </c>
      <c r="AO65" s="70" t="s">
        <v>104</v>
      </c>
      <c r="AP65" s="69" t="s">
        <v>413</v>
      </c>
      <c r="AQ65" s="70" t="s">
        <v>104</v>
      </c>
      <c r="AR65" s="42" t="s">
        <v>89</v>
      </c>
      <c r="AS65" s="43" t="s">
        <v>90</v>
      </c>
      <c r="AT65" s="44" t="s">
        <v>91</v>
      </c>
      <c r="AU65" s="43" t="s">
        <v>411</v>
      </c>
      <c r="AV65" s="44" t="s">
        <v>104</v>
      </c>
      <c r="AW65" s="43" t="s">
        <v>413</v>
      </c>
      <c r="AX65" s="44" t="s">
        <v>104</v>
      </c>
    </row>
    <row r="66" spans="1:50">
      <c r="A66" s="45" t="s">
        <v>436</v>
      </c>
      <c r="B66" s="71">
        <v>10766</v>
      </c>
      <c r="C66" s="72">
        <v>73.135428260761017</v>
      </c>
      <c r="D66" s="73">
        <v>0.37240000000000001</v>
      </c>
      <c r="E66" s="292">
        <v>0.20522505740697988</v>
      </c>
      <c r="F66" s="293">
        <v>7.7847615631944592E-3</v>
      </c>
      <c r="G66" s="294">
        <v>0.48888295947074295</v>
      </c>
      <c r="H66" s="293">
        <v>9.6335166845829701E-3</v>
      </c>
      <c r="I66" s="71">
        <v>10748</v>
      </c>
      <c r="J66" s="72">
        <v>67.244438009910041</v>
      </c>
      <c r="K66" s="73">
        <v>0.43119999999999997</v>
      </c>
      <c r="L66" s="292">
        <v>0.29288641574317659</v>
      </c>
      <c r="M66" s="293">
        <v>8.7783527455123182E-3</v>
      </c>
      <c r="N66" s="294">
        <v>0.37098466872147023</v>
      </c>
      <c r="O66" s="293">
        <v>9.317630550416553E-3</v>
      </c>
      <c r="P66" s="71">
        <v>10706</v>
      </c>
      <c r="Q66" s="72">
        <v>66.708067282196211</v>
      </c>
      <c r="R66" s="73">
        <v>0.43119999999999997</v>
      </c>
      <c r="S66" s="292">
        <v>0.30939327802456323</v>
      </c>
      <c r="T66" s="293">
        <v>8.9337474383294809E-3</v>
      </c>
      <c r="U66" s="294">
        <v>0.37713076216647812</v>
      </c>
      <c r="V66" s="293">
        <v>9.3667753238603733E-3</v>
      </c>
      <c r="W66" s="71">
        <v>10727</v>
      </c>
      <c r="X66" s="72">
        <v>72.249166577051611</v>
      </c>
      <c r="Y66" s="73">
        <v>0.45080000000000003</v>
      </c>
      <c r="Z66" s="292">
        <v>0.24613325917532536</v>
      </c>
      <c r="AA66" s="293">
        <v>8.3176099636993687E-3</v>
      </c>
      <c r="AB66" s="294">
        <v>0.50729486023454118</v>
      </c>
      <c r="AC66" s="293">
        <v>9.652364421046453E-3</v>
      </c>
      <c r="AD66" s="71">
        <v>10744</v>
      </c>
      <c r="AE66" s="72">
        <v>76.90012075999887</v>
      </c>
      <c r="AF66" s="73">
        <v>0.39200000000000002</v>
      </c>
      <c r="AG66" s="292">
        <v>0.17387008807585744</v>
      </c>
      <c r="AH66" s="293">
        <v>7.3134517920980168E-3</v>
      </c>
      <c r="AI66" s="294">
        <v>0.58217472179114405</v>
      </c>
      <c r="AJ66" s="293">
        <v>9.5146908201943509E-3</v>
      </c>
      <c r="AK66" s="71">
        <v>10731</v>
      </c>
      <c r="AL66" s="72">
        <v>66.261620619360528</v>
      </c>
      <c r="AM66" s="73">
        <v>0.47039999999999998</v>
      </c>
      <c r="AN66" s="292">
        <v>0.33457951537585506</v>
      </c>
      <c r="AO66" s="293">
        <v>9.1084947689733711E-3</v>
      </c>
      <c r="AP66" s="294">
        <v>0.37200657019711392</v>
      </c>
      <c r="AQ66" s="293">
        <v>9.3302476626240857E-3</v>
      </c>
      <c r="AR66" s="71">
        <v>10727</v>
      </c>
      <c r="AS66" s="72">
        <v>65.772635405535141</v>
      </c>
      <c r="AT66" s="73">
        <v>0.47039999999999998</v>
      </c>
      <c r="AU66" s="292">
        <v>0.34369699703039691</v>
      </c>
      <c r="AV66" s="293">
        <v>9.1699610686267127E-3</v>
      </c>
      <c r="AW66" s="294">
        <v>0.38301445633193187</v>
      </c>
      <c r="AX66" s="293">
        <v>9.3856498650825883E-3</v>
      </c>
    </row>
    <row r="67" spans="1:50" s="5" customFormat="1">
      <c r="A67" s="49" t="s">
        <v>437</v>
      </c>
      <c r="B67" s="74">
        <v>8631</v>
      </c>
      <c r="C67" s="75">
        <v>74.7</v>
      </c>
      <c r="D67" s="76">
        <v>0.86009789626306943</v>
      </c>
      <c r="E67" s="295">
        <v>0.17586983603405243</v>
      </c>
      <c r="F67" s="296">
        <v>8.1966832363148008E-3</v>
      </c>
      <c r="G67" s="297">
        <v>0.53085617451249889</v>
      </c>
      <c r="H67" s="296">
        <v>1.0740908888076038E-2</v>
      </c>
      <c r="I67" s="74">
        <v>8613</v>
      </c>
      <c r="J67" s="75">
        <v>67.3</v>
      </c>
      <c r="K67" s="76">
        <v>0.48193448647016601</v>
      </c>
      <c r="L67" s="295">
        <v>0.29217886064190407</v>
      </c>
      <c r="M67" s="296">
        <v>9.7989647790480815E-3</v>
      </c>
      <c r="N67" s="297">
        <v>0.38767625270226186</v>
      </c>
      <c r="O67" s="296">
        <v>1.0497546618219396E-2</v>
      </c>
      <c r="P67" s="74">
        <v>8573</v>
      </c>
      <c r="Q67" s="75">
        <v>68.2</v>
      </c>
      <c r="R67" s="76">
        <v>0.49818328050476535</v>
      </c>
      <c r="S67" s="295">
        <v>0.28572427394142869</v>
      </c>
      <c r="T67" s="296">
        <v>9.7569562106019202E-3</v>
      </c>
      <c r="U67" s="297">
        <v>0.41204099339409267</v>
      </c>
      <c r="V67" s="296">
        <v>1.0629491615611822E-2</v>
      </c>
      <c r="W67" s="74">
        <v>8597</v>
      </c>
      <c r="X67" s="75">
        <v>73.900000000000006</v>
      </c>
      <c r="Y67" s="76">
        <v>0.53157993772949064</v>
      </c>
      <c r="Z67" s="295">
        <v>0.22784727349514175</v>
      </c>
      <c r="AA67" s="296">
        <v>9.0471968192979112E-3</v>
      </c>
      <c r="AB67" s="297">
        <v>0.54810613424163757</v>
      </c>
      <c r="AC67" s="296">
        <v>1.0732674611188835E-2</v>
      </c>
      <c r="AD67" s="74">
        <v>8608</v>
      </c>
      <c r="AE67" s="75">
        <v>79.900000000000006</v>
      </c>
      <c r="AF67" s="76">
        <v>0.41785688438405927</v>
      </c>
      <c r="AG67" s="295">
        <v>0.13214380541779616</v>
      </c>
      <c r="AH67" s="296">
        <v>7.3023576826835492E-3</v>
      </c>
      <c r="AI67" s="297">
        <v>0.65143159250061433</v>
      </c>
      <c r="AJ67" s="296">
        <v>1.0270149607307251E-2</v>
      </c>
      <c r="AK67" s="74">
        <v>8599</v>
      </c>
      <c r="AL67" s="75">
        <v>67.904732219742087</v>
      </c>
      <c r="AM67" s="76">
        <v>0.52990660255985966</v>
      </c>
      <c r="AN67" s="295">
        <v>0.30692797835391811</v>
      </c>
      <c r="AO67" s="296">
        <v>9.9459857142682826E-3</v>
      </c>
      <c r="AP67" s="297">
        <v>0.4177179721608541</v>
      </c>
      <c r="AQ67" s="296">
        <v>1.0634545333156572E-2</v>
      </c>
      <c r="AR67" s="74">
        <v>8596</v>
      </c>
      <c r="AS67" s="75">
        <v>66.794773861409993</v>
      </c>
      <c r="AT67" s="76">
        <v>0.55093223520780721</v>
      </c>
      <c r="AU67" s="295">
        <v>0.33223827389589</v>
      </c>
      <c r="AV67" s="296">
        <v>1.0158789930415715E-2</v>
      </c>
      <c r="AW67" s="297">
        <v>0.42084903614586078</v>
      </c>
      <c r="AX67" s="296">
        <v>1.0647435576317366E-2</v>
      </c>
    </row>
    <row r="68" spans="1:50" s="5" customFormat="1">
      <c r="A68" s="45" t="s">
        <v>438</v>
      </c>
      <c r="B68" s="54">
        <v>1969</v>
      </c>
      <c r="C68" s="55">
        <v>69.8</v>
      </c>
      <c r="D68" s="56">
        <v>0.98</v>
      </c>
      <c r="E68" s="291">
        <v>0.27200000000000002</v>
      </c>
      <c r="F68" s="298">
        <v>2.0046907378907096E-2</v>
      </c>
      <c r="G68" s="291">
        <v>0.39700000000000002</v>
      </c>
      <c r="H68" s="298">
        <v>2.2032274769443777E-2</v>
      </c>
      <c r="I68" s="54">
        <v>1969</v>
      </c>
      <c r="J68" s="55">
        <v>67.099999999999994</v>
      </c>
      <c r="K68" s="56">
        <v>0.98</v>
      </c>
      <c r="L68" s="291">
        <v>0.29499999999999998</v>
      </c>
      <c r="M68" s="298">
        <v>2.054232907135875E-2</v>
      </c>
      <c r="N68" s="291">
        <v>0.33600000000000002</v>
      </c>
      <c r="O68" s="298">
        <v>2.1272872760411617E-2</v>
      </c>
      <c r="P68" s="54">
        <v>1965</v>
      </c>
      <c r="Q68" s="55">
        <v>63.7</v>
      </c>
      <c r="R68" s="56">
        <v>0.98</v>
      </c>
      <c r="S68" s="291">
        <v>0.36199999999999999</v>
      </c>
      <c r="T68" s="298">
        <v>2.1664288239265389E-2</v>
      </c>
      <c r="U68" s="291">
        <v>0.29599999999999999</v>
      </c>
      <c r="V68" s="298">
        <v>2.0583312508429628E-2</v>
      </c>
      <c r="W68" s="54">
        <v>1964</v>
      </c>
      <c r="X68" s="55">
        <v>69.599999999999994</v>
      </c>
      <c r="Y68" s="56">
        <v>1.1759999999999999</v>
      </c>
      <c r="Z68" s="291">
        <v>0.28299999999999997</v>
      </c>
      <c r="AA68" s="298">
        <v>2.0317711453690449E-2</v>
      </c>
      <c r="AB68" s="291">
        <v>0.42499999999999999</v>
      </c>
      <c r="AC68" s="298">
        <v>2.2287745120421008E-2</v>
      </c>
      <c r="AD68" s="54">
        <v>1970</v>
      </c>
      <c r="AE68" s="55">
        <v>72.900000000000006</v>
      </c>
      <c r="AF68" s="56">
        <v>0.98</v>
      </c>
      <c r="AG68" s="291">
        <v>0.22900000000000001</v>
      </c>
      <c r="AH68" s="298">
        <v>1.8930702384304169E-2</v>
      </c>
      <c r="AI68" s="291">
        <v>0.47899999999999998</v>
      </c>
      <c r="AJ68" s="298">
        <v>2.2487676932628646E-2</v>
      </c>
      <c r="AK68" s="54">
        <v>1968</v>
      </c>
      <c r="AL68" s="55">
        <v>61.6</v>
      </c>
      <c r="AM68" s="56">
        <v>0.98</v>
      </c>
      <c r="AN68" s="291">
        <v>0.40699999999999997</v>
      </c>
      <c r="AO68" s="298">
        <v>2.2127514085083181E-2</v>
      </c>
      <c r="AP68" s="291">
        <v>0.252</v>
      </c>
      <c r="AQ68" s="298">
        <v>1.9566563776093275E-2</v>
      </c>
      <c r="AR68" s="54">
        <v>1965</v>
      </c>
      <c r="AS68" s="55">
        <v>63.4</v>
      </c>
      <c r="AT68" s="56">
        <v>1.1759999999999999</v>
      </c>
      <c r="AU68" s="291">
        <v>0.377</v>
      </c>
      <c r="AV68" s="298">
        <v>2.1846335609011686E-2</v>
      </c>
      <c r="AW68" s="291">
        <v>0.30399999999999999</v>
      </c>
      <c r="AX68" s="298">
        <v>2.0739988669619021E-2</v>
      </c>
    </row>
    <row r="69" spans="1:50" s="5" customFormat="1">
      <c r="A69" s="49" t="s">
        <v>439</v>
      </c>
      <c r="B69" s="74">
        <v>3900</v>
      </c>
      <c r="C69" s="75">
        <v>73.475944502242115</v>
      </c>
      <c r="D69" s="76">
        <v>0.60760000000000003</v>
      </c>
      <c r="E69" s="295">
        <v>0.19520779053840318</v>
      </c>
      <c r="F69" s="296">
        <v>1.2694873468278607E-2</v>
      </c>
      <c r="G69" s="297">
        <v>0.5233161583817022</v>
      </c>
      <c r="H69" s="296">
        <v>1.598723460445221E-2</v>
      </c>
      <c r="I69" s="74">
        <v>3894</v>
      </c>
      <c r="J69" s="75">
        <v>67.669387449955508</v>
      </c>
      <c r="K69" s="76">
        <v>0.7056</v>
      </c>
      <c r="L69" s="295">
        <v>0.28356042528783781</v>
      </c>
      <c r="M69" s="296">
        <v>1.4441900907148322E-2</v>
      </c>
      <c r="N69" s="297">
        <v>0.38839952426722013</v>
      </c>
      <c r="O69" s="296">
        <v>1.561369469814642E-2</v>
      </c>
      <c r="P69" s="74">
        <v>3868</v>
      </c>
      <c r="Q69" s="75">
        <v>66.827982565032372</v>
      </c>
      <c r="R69" s="76">
        <v>0.72519999999999996</v>
      </c>
      <c r="S69" s="295">
        <v>0.29586957832371069</v>
      </c>
      <c r="T69" s="296">
        <v>1.4673330642832471E-2</v>
      </c>
      <c r="U69" s="297">
        <v>0.38644712475505849</v>
      </c>
      <c r="V69" s="296">
        <v>1.5651564089799001E-2</v>
      </c>
      <c r="W69" s="74">
        <v>3889</v>
      </c>
      <c r="X69" s="75">
        <v>72.769486898163677</v>
      </c>
      <c r="Y69" s="76">
        <v>0.74480000000000002</v>
      </c>
      <c r="Z69" s="295">
        <v>0.22988070769620617</v>
      </c>
      <c r="AA69" s="296">
        <v>1.3492791147261884E-2</v>
      </c>
      <c r="AB69" s="297">
        <v>0.52349518739732104</v>
      </c>
      <c r="AC69" s="296">
        <v>1.6009537036251985E-2</v>
      </c>
      <c r="AD69" s="74">
        <v>3890</v>
      </c>
      <c r="AE69" s="75">
        <v>76.903274376700381</v>
      </c>
      <c r="AF69" s="76">
        <v>0.62719999999999998</v>
      </c>
      <c r="AG69" s="295">
        <v>0.15517522426258137</v>
      </c>
      <c r="AH69" s="296">
        <v>1.1615303928489444E-2</v>
      </c>
      <c r="AI69" s="297">
        <v>0.58167213510471316</v>
      </c>
      <c r="AJ69" s="296">
        <v>1.5810360458514697E-2</v>
      </c>
      <c r="AK69" s="74">
        <v>3883</v>
      </c>
      <c r="AL69" s="75">
        <v>66.805601644660157</v>
      </c>
      <c r="AM69" s="76">
        <v>0.74480000000000002</v>
      </c>
      <c r="AN69" s="295">
        <v>0.31168044787284926</v>
      </c>
      <c r="AO69" s="296">
        <v>1.4860943617278849E-2</v>
      </c>
      <c r="AP69" s="297">
        <v>0.38810859766641082</v>
      </c>
      <c r="AQ69" s="296">
        <v>1.5633639036963902E-2</v>
      </c>
      <c r="AR69" s="74">
        <v>3883</v>
      </c>
      <c r="AS69" s="75">
        <v>66.1483759928024</v>
      </c>
      <c r="AT69" s="76">
        <v>0.78400000000000003</v>
      </c>
      <c r="AU69" s="295">
        <v>0.32546560458617679</v>
      </c>
      <c r="AV69" s="296">
        <v>1.5032779832224846E-2</v>
      </c>
      <c r="AW69" s="297">
        <v>0.39218173984316496</v>
      </c>
      <c r="AX69" s="296">
        <v>1.5663004179845726E-2</v>
      </c>
    </row>
    <row r="70" spans="1:50" s="5" customFormat="1">
      <c r="A70" s="45" t="s">
        <v>440</v>
      </c>
      <c r="B70" s="54">
        <v>3267</v>
      </c>
      <c r="C70" s="55">
        <v>75.37</v>
      </c>
      <c r="D70" s="56">
        <v>0.58799999999999997</v>
      </c>
      <c r="E70" s="291">
        <v>0.159</v>
      </c>
      <c r="F70" s="298">
        <v>1.2801101424509437E-2</v>
      </c>
      <c r="G70" s="291">
        <v>0.58199999999999996</v>
      </c>
      <c r="H70" s="298">
        <v>1.724860696261209E-2</v>
      </c>
      <c r="I70" s="54">
        <v>3261</v>
      </c>
      <c r="J70" s="55">
        <v>67.73</v>
      </c>
      <c r="K70" s="56">
        <v>0.78400000000000003</v>
      </c>
      <c r="L70" s="291">
        <v>0.27700000000000002</v>
      </c>
      <c r="M70" s="298">
        <v>1.5668572453726388E-2</v>
      </c>
      <c r="N70" s="291">
        <v>0.40899999999999997</v>
      </c>
      <c r="O70" s="298">
        <v>1.7209252752635466E-2</v>
      </c>
      <c r="P70" s="54">
        <v>3236</v>
      </c>
      <c r="Q70" s="55">
        <v>68.56</v>
      </c>
      <c r="R70" s="56">
        <v>0.78400000000000003</v>
      </c>
      <c r="S70" s="291">
        <v>0.26600000000000001</v>
      </c>
      <c r="T70" s="298">
        <v>1.5530897780096767E-2</v>
      </c>
      <c r="U70" s="291">
        <v>0.43</v>
      </c>
      <c r="V70" s="298">
        <v>1.739561784242874E-2</v>
      </c>
      <c r="W70" s="54">
        <v>3256</v>
      </c>
      <c r="X70" s="55">
        <v>74.849999999999994</v>
      </c>
      <c r="Y70" s="56">
        <v>0.78400000000000003</v>
      </c>
      <c r="Z70" s="291">
        <v>0.19700000000000001</v>
      </c>
      <c r="AA70" s="298">
        <v>1.3941867033070841E-2</v>
      </c>
      <c r="AB70" s="291">
        <v>0.57399999999999995</v>
      </c>
      <c r="AC70" s="298">
        <v>1.7321833798010781E-2</v>
      </c>
      <c r="AD70" s="54">
        <v>3256</v>
      </c>
      <c r="AE70" s="55">
        <v>79.319999999999993</v>
      </c>
      <c r="AF70" s="56">
        <v>0.58799999999999997</v>
      </c>
      <c r="AG70" s="291">
        <v>0.123</v>
      </c>
      <c r="AH70" s="298">
        <v>1.1523226416631333E-2</v>
      </c>
      <c r="AI70" s="291">
        <v>0.65100000000000002</v>
      </c>
      <c r="AJ70" s="298">
        <v>1.6698514648576489E-2</v>
      </c>
      <c r="AK70" s="54">
        <v>3250</v>
      </c>
      <c r="AL70" s="55">
        <v>68.709999999999994</v>
      </c>
      <c r="AM70" s="56">
        <v>0.78400000000000003</v>
      </c>
      <c r="AN70" s="291">
        <v>0.28100000000000003</v>
      </c>
      <c r="AO70" s="298">
        <v>1.5763964268336161E-2</v>
      </c>
      <c r="AP70" s="291">
        <v>0.44400000000000001</v>
      </c>
      <c r="AQ70" s="298">
        <v>1.7420350135418018E-2</v>
      </c>
      <c r="AR70" s="54">
        <v>3249</v>
      </c>
      <c r="AS70" s="55">
        <v>68.03</v>
      </c>
      <c r="AT70" s="56">
        <v>0.78400000000000003</v>
      </c>
      <c r="AU70" s="291">
        <v>0.30099999999999999</v>
      </c>
      <c r="AV70" s="298">
        <v>1.6088302659359493E-2</v>
      </c>
      <c r="AW70" s="291">
        <v>0.44600000000000001</v>
      </c>
      <c r="AX70" s="298">
        <v>1.7430770070234951E-2</v>
      </c>
    </row>
    <row r="71" spans="1:50" s="5" customFormat="1">
      <c r="A71" s="49" t="s">
        <v>455</v>
      </c>
      <c r="B71" s="74">
        <v>570</v>
      </c>
      <c r="C71" s="75">
        <v>74.42692318756761</v>
      </c>
      <c r="D71" s="76">
        <v>1.6267999999999998</v>
      </c>
      <c r="E71" s="295">
        <v>0.1854422327102381</v>
      </c>
      <c r="F71" s="296">
        <v>3.259161865427275E-2</v>
      </c>
      <c r="G71" s="297">
        <v>0.62161319339311727</v>
      </c>
      <c r="H71" s="296">
        <v>4.0503421127459423E-2</v>
      </c>
      <c r="I71" s="74">
        <v>570</v>
      </c>
      <c r="J71" s="75">
        <v>68.236727475744416</v>
      </c>
      <c r="K71" s="76">
        <v>1.8423999999999998</v>
      </c>
      <c r="L71" s="295">
        <v>0.2390247150048265</v>
      </c>
      <c r="M71" s="296">
        <v>3.569497519387814E-2</v>
      </c>
      <c r="N71" s="297">
        <v>0.43360781389979491</v>
      </c>
      <c r="O71" s="296">
        <v>4.1374746798655174E-2</v>
      </c>
      <c r="P71" s="74">
        <v>562</v>
      </c>
      <c r="Q71" s="75">
        <v>69.836598827605982</v>
      </c>
      <c r="R71" s="76">
        <v>1.9012</v>
      </c>
      <c r="S71" s="295">
        <v>0.24873631603879581</v>
      </c>
      <c r="T71" s="296">
        <v>3.6426580729361842E-2</v>
      </c>
      <c r="U71" s="297">
        <v>0.4806447578152297</v>
      </c>
      <c r="V71" s="296">
        <v>4.2002073896985827E-2</v>
      </c>
      <c r="W71" s="74">
        <v>566</v>
      </c>
      <c r="X71" s="75">
        <v>76.112244581742019</v>
      </c>
      <c r="Y71" s="76">
        <v>1.8619999999999999</v>
      </c>
      <c r="Z71" s="295">
        <v>0.17516042402374757</v>
      </c>
      <c r="AA71" s="296">
        <v>3.2003842575990767E-2</v>
      </c>
      <c r="AB71" s="297">
        <v>0.60557098415570987</v>
      </c>
      <c r="AC71" s="296">
        <v>4.095445846951256E-2</v>
      </c>
      <c r="AD71" s="74">
        <v>572</v>
      </c>
      <c r="AE71" s="75">
        <v>78.989978965618121</v>
      </c>
      <c r="AF71" s="76">
        <v>1.5092000000000001</v>
      </c>
      <c r="AG71" s="295">
        <v>0.11806355572057435</v>
      </c>
      <c r="AH71" s="296">
        <v>2.7149734693330155E-2</v>
      </c>
      <c r="AI71" s="297">
        <v>0.65982100683197653</v>
      </c>
      <c r="AJ71" s="296">
        <v>3.9511845485048984E-2</v>
      </c>
      <c r="AK71" s="74">
        <v>570</v>
      </c>
      <c r="AL71" s="75">
        <v>70.275949502004522</v>
      </c>
      <c r="AM71" s="76">
        <v>1.8619999999999999</v>
      </c>
      <c r="AN71" s="295">
        <v>0.23558224558071053</v>
      </c>
      <c r="AO71" s="296">
        <v>3.5520451518275868E-2</v>
      </c>
      <c r="AP71" s="297">
        <v>0.47874618639020849</v>
      </c>
      <c r="AQ71" s="296">
        <v>4.1701991470052151E-2</v>
      </c>
      <c r="AR71" s="74">
        <v>568</v>
      </c>
      <c r="AS71" s="75">
        <v>69.130292988554146</v>
      </c>
      <c r="AT71" s="76">
        <v>1.96</v>
      </c>
      <c r="AU71" s="295">
        <v>0.27358399781468445</v>
      </c>
      <c r="AV71" s="296">
        <v>3.7346447292434748E-2</v>
      </c>
      <c r="AW71" s="297">
        <v>0.47499190932828439</v>
      </c>
      <c r="AX71" s="296">
        <v>4.1760498594972231E-2</v>
      </c>
    </row>
    <row r="72" spans="1:50" s="5" customFormat="1">
      <c r="A72" s="45" t="s">
        <v>441</v>
      </c>
      <c r="B72" s="54">
        <v>113</v>
      </c>
      <c r="C72" s="55">
        <v>78.937978476019026</v>
      </c>
      <c r="D72" s="56">
        <v>3.3712</v>
      </c>
      <c r="E72" s="291">
        <v>0.11889334830796737</v>
      </c>
      <c r="F72" s="298">
        <v>6.257140981053616E-2</v>
      </c>
      <c r="G72" s="291">
        <v>0.74971701563149196</v>
      </c>
      <c r="H72" s="298">
        <v>8.098377195343763E-2</v>
      </c>
      <c r="I72" s="54">
        <v>112</v>
      </c>
      <c r="J72" s="55">
        <v>69.458924475450146</v>
      </c>
      <c r="K72" s="56">
        <v>4.1943999999999999</v>
      </c>
      <c r="L72" s="291">
        <v>0.25046314054361074</v>
      </c>
      <c r="M72" s="298">
        <v>8.1357386082602179E-2</v>
      </c>
      <c r="N72" s="291">
        <v>0.57191777646342523</v>
      </c>
      <c r="O72" s="298">
        <v>9.194795839771136E-2</v>
      </c>
      <c r="P72" s="54">
        <v>112</v>
      </c>
      <c r="Q72" s="55">
        <v>66.864655238911482</v>
      </c>
      <c r="R72" s="56">
        <v>4.1159999999999997</v>
      </c>
      <c r="S72" s="291">
        <v>0.21194203338219175</v>
      </c>
      <c r="T72" s="298">
        <v>7.715781442636975E-2</v>
      </c>
      <c r="U72" s="291">
        <v>0.48847597958497774</v>
      </c>
      <c r="V72" s="298">
        <v>9.2824676763907474E-2</v>
      </c>
      <c r="W72" s="54">
        <v>111</v>
      </c>
      <c r="X72" s="55">
        <v>74.310981898754008</v>
      </c>
      <c r="Y72" s="56">
        <v>4.3315999999999999</v>
      </c>
      <c r="Z72" s="291">
        <v>0.17766591032753559</v>
      </c>
      <c r="AA72" s="298">
        <v>7.2998584663460556E-2</v>
      </c>
      <c r="AB72" s="291">
        <v>0.63867069379944152</v>
      </c>
      <c r="AC72" s="298">
        <v>8.9847190621107881E-2</v>
      </c>
      <c r="AD72" s="54">
        <v>113</v>
      </c>
      <c r="AE72" s="55">
        <v>80.21077130525893</v>
      </c>
      <c r="AF72" s="56">
        <v>3.5672000000000001</v>
      </c>
      <c r="AG72" s="291">
        <v>0.12348172718786972</v>
      </c>
      <c r="AH72" s="298">
        <v>6.345108983310091E-2</v>
      </c>
      <c r="AI72" s="291">
        <v>0.76358138143878418</v>
      </c>
      <c r="AJ72" s="298">
        <v>7.9570232062996196E-2</v>
      </c>
      <c r="AK72" s="54">
        <v>113</v>
      </c>
      <c r="AL72" s="55">
        <v>69.646473259749357</v>
      </c>
      <c r="AM72" s="56">
        <v>4.5863999999999994</v>
      </c>
      <c r="AN72" s="291">
        <v>0.21666379842316597</v>
      </c>
      <c r="AO72" s="298">
        <v>7.7374868272673439E-2</v>
      </c>
      <c r="AP72" s="291">
        <v>0.55917379521245836</v>
      </c>
      <c r="AQ72" s="298">
        <v>9.1844124861024459E-2</v>
      </c>
      <c r="AR72" s="54">
        <v>111</v>
      </c>
      <c r="AS72" s="55">
        <v>71.17240139338881</v>
      </c>
      <c r="AT72" s="56">
        <v>4.1747999999999994</v>
      </c>
      <c r="AU72" s="291">
        <v>0.18853843630304845</v>
      </c>
      <c r="AV72" s="298">
        <v>7.4512382318735956E-2</v>
      </c>
      <c r="AW72" s="291">
        <v>0.51237092196494438</v>
      </c>
      <c r="AX72" s="298">
        <v>9.3223885981602986E-2</v>
      </c>
    </row>
    <row r="73" spans="1:50" s="5" customFormat="1">
      <c r="A73" s="49" t="s">
        <v>442</v>
      </c>
      <c r="B73" s="74">
        <v>175</v>
      </c>
      <c r="C73" s="75">
        <v>68.736417549680198</v>
      </c>
      <c r="D73" s="76">
        <v>3.3712</v>
      </c>
      <c r="E73" s="295">
        <v>0.27066382054267746</v>
      </c>
      <c r="F73" s="296">
        <v>6.6807364385956913E-2</v>
      </c>
      <c r="G73" s="297">
        <v>0.51472340319828402</v>
      </c>
      <c r="H73" s="296">
        <v>7.4712529380342771E-2</v>
      </c>
      <c r="I73" s="74">
        <v>175</v>
      </c>
      <c r="J73" s="75">
        <v>66.519612055685897</v>
      </c>
      <c r="K73" s="76">
        <v>3.5084</v>
      </c>
      <c r="L73" s="295">
        <v>0.26028739505816606</v>
      </c>
      <c r="M73" s="296">
        <v>6.6024764737799058E-2</v>
      </c>
      <c r="N73" s="297">
        <v>0.44700734272888981</v>
      </c>
      <c r="O73" s="296">
        <v>7.4341185841657095E-2</v>
      </c>
      <c r="P73" s="74">
        <v>171</v>
      </c>
      <c r="Q73" s="75">
        <v>68.743878078544171</v>
      </c>
      <c r="R73" s="76">
        <v>3.7631999999999999</v>
      </c>
      <c r="S73" s="295">
        <v>0.30686497230676074</v>
      </c>
      <c r="T73" s="296">
        <v>7.0001562114507282E-2</v>
      </c>
      <c r="U73" s="297">
        <v>0.43841459939894306</v>
      </c>
      <c r="V73" s="296">
        <v>7.5043399297713129E-2</v>
      </c>
      <c r="W73" s="74">
        <v>173</v>
      </c>
      <c r="X73" s="75">
        <v>77.136900429434419</v>
      </c>
      <c r="Y73" s="76">
        <v>3.4691999999999998</v>
      </c>
      <c r="Z73" s="295">
        <v>0.18193476520497295</v>
      </c>
      <c r="AA73" s="296">
        <v>5.8869825173562908E-2</v>
      </c>
      <c r="AB73" s="297">
        <v>0.57895861994793352</v>
      </c>
      <c r="AC73" s="296">
        <v>7.4263865491213943E-2</v>
      </c>
      <c r="AD73" s="74">
        <v>174</v>
      </c>
      <c r="AE73" s="75">
        <v>77.896587862350472</v>
      </c>
      <c r="AF73" s="76">
        <v>2.8028</v>
      </c>
      <c r="AG73" s="295">
        <v>0.13685591238713593</v>
      </c>
      <c r="AH73" s="296">
        <v>5.2784633838965797E-2</v>
      </c>
      <c r="AI73" s="297">
        <v>0.58412417059746236</v>
      </c>
      <c r="AJ73" s="296">
        <v>7.3932494572301957E-2</v>
      </c>
      <c r="AK73" s="74">
        <v>173</v>
      </c>
      <c r="AL73" s="75">
        <v>69.233696108547761</v>
      </c>
      <c r="AM73" s="76">
        <v>3.4495999999999998</v>
      </c>
      <c r="AN73" s="295">
        <v>0.24594826178751783</v>
      </c>
      <c r="AO73" s="296">
        <v>6.5240436222644679E-2</v>
      </c>
      <c r="AP73" s="297">
        <v>0.43701377131277341</v>
      </c>
      <c r="AQ73" s="296">
        <v>7.4592682316415054E-2</v>
      </c>
      <c r="AR73" s="74">
        <v>173</v>
      </c>
      <c r="AS73" s="75">
        <v>67.150308930875838</v>
      </c>
      <c r="AT73" s="76">
        <v>3.8024</v>
      </c>
      <c r="AU73" s="295">
        <v>0.35738999268096922</v>
      </c>
      <c r="AV73" s="296">
        <v>7.2184824517791277E-2</v>
      </c>
      <c r="AW73" s="297">
        <v>0.4652585283803034</v>
      </c>
      <c r="AX73" s="296">
        <v>7.4991067799410407E-2</v>
      </c>
    </row>
    <row r="74" spans="1:50" s="5" customFormat="1">
      <c r="A74" s="45" t="s">
        <v>443</v>
      </c>
      <c r="B74" s="54">
        <v>134</v>
      </c>
      <c r="C74" s="55">
        <v>75.607858823445142</v>
      </c>
      <c r="D74" s="56">
        <v>3.1947999999999999</v>
      </c>
      <c r="E74" s="291">
        <v>0.20156324830350361</v>
      </c>
      <c r="F74" s="298">
        <v>6.9370635720785181E-2</v>
      </c>
      <c r="G74" s="291">
        <v>0.64960746773326816</v>
      </c>
      <c r="H74" s="298">
        <v>8.1453522076582047E-2</v>
      </c>
      <c r="I74" s="54">
        <v>135</v>
      </c>
      <c r="J74" s="55">
        <v>69.346214327898451</v>
      </c>
      <c r="K74" s="56">
        <v>3.7043999999999997</v>
      </c>
      <c r="L74" s="291">
        <v>0.21824515330346902</v>
      </c>
      <c r="M74" s="298">
        <v>7.0988383359636906E-2</v>
      </c>
      <c r="N74" s="291">
        <v>0.47122058756615109</v>
      </c>
      <c r="O74" s="298">
        <v>8.468625615496965E-2</v>
      </c>
      <c r="P74" s="54">
        <v>135</v>
      </c>
      <c r="Q74" s="55">
        <v>68.380612833117127</v>
      </c>
      <c r="R74" s="56">
        <v>3.8611999999999997</v>
      </c>
      <c r="S74" s="291">
        <v>0.26594029611473363</v>
      </c>
      <c r="T74" s="298">
        <v>7.5545730672436778E-2</v>
      </c>
      <c r="U74" s="291">
        <v>0.45438353052426028</v>
      </c>
      <c r="V74" s="298">
        <v>8.4485267776858997E-2</v>
      </c>
      <c r="W74" s="54">
        <v>135</v>
      </c>
      <c r="X74" s="55">
        <v>74.597757225839658</v>
      </c>
      <c r="Y74" s="56">
        <v>3.6652</v>
      </c>
      <c r="Z74" s="291">
        <v>0.15068687312572512</v>
      </c>
      <c r="AA74" s="298">
        <v>6.2306277019995568E-2</v>
      </c>
      <c r="AB74" s="291">
        <v>0.57947059001887335</v>
      </c>
      <c r="AC74" s="298">
        <v>8.3802213465653641E-2</v>
      </c>
      <c r="AD74" s="54">
        <v>135</v>
      </c>
      <c r="AE74" s="55">
        <v>82.696083159254201</v>
      </c>
      <c r="AF74" s="56">
        <v>2.8420000000000001</v>
      </c>
      <c r="AG74" s="291">
        <v>8.7697568569839207E-2</v>
      </c>
      <c r="AH74" s="298">
        <v>5.0792204094221111E-2</v>
      </c>
      <c r="AI74" s="291">
        <v>0.77316929387360367</v>
      </c>
      <c r="AJ74" s="298">
        <v>7.1893506823411724E-2</v>
      </c>
      <c r="AK74" s="54">
        <v>135</v>
      </c>
      <c r="AL74" s="55">
        <v>74.245934705313303</v>
      </c>
      <c r="AM74" s="56">
        <v>3.6847999999999996</v>
      </c>
      <c r="AN74" s="291">
        <v>0.20577871856667512</v>
      </c>
      <c r="AO74" s="298">
        <v>6.9602029250872999E-2</v>
      </c>
      <c r="AP74" s="291">
        <v>0.54867869138417458</v>
      </c>
      <c r="AQ74" s="298">
        <v>8.443886782956106E-2</v>
      </c>
      <c r="AR74" s="54">
        <v>135</v>
      </c>
      <c r="AS74" s="55">
        <v>68.514468026418456</v>
      </c>
      <c r="AT74" s="56">
        <v>4.0964</v>
      </c>
      <c r="AU74" s="291">
        <v>0.29716205750452501</v>
      </c>
      <c r="AV74" s="298">
        <v>7.7957866043933927E-2</v>
      </c>
      <c r="AW74" s="291">
        <v>0.48607928226716673</v>
      </c>
      <c r="AX74" s="298">
        <v>8.4787878581477044E-2</v>
      </c>
    </row>
    <row r="75" spans="1:50" s="5" customFormat="1">
      <c r="A75" s="49" t="s">
        <v>444</v>
      </c>
      <c r="B75" s="74">
        <v>148</v>
      </c>
      <c r="C75" s="75">
        <v>76.899937134653172</v>
      </c>
      <c r="D75" s="76">
        <v>2.8420000000000001</v>
      </c>
      <c r="E75" s="295">
        <v>0.128089107038933</v>
      </c>
      <c r="F75" s="296">
        <v>5.5929085598215376E-2</v>
      </c>
      <c r="G75" s="297">
        <v>0.64127932689108813</v>
      </c>
      <c r="H75" s="296">
        <v>7.7980572396745287E-2</v>
      </c>
      <c r="I75" s="74">
        <v>148</v>
      </c>
      <c r="J75" s="75">
        <v>68.620550361362902</v>
      </c>
      <c r="K75" s="76">
        <v>3.3908</v>
      </c>
      <c r="L75" s="295">
        <v>0.22423487133855108</v>
      </c>
      <c r="M75" s="296">
        <v>6.8422713320436437E-2</v>
      </c>
      <c r="N75" s="297">
        <v>0.32433429426656862</v>
      </c>
      <c r="O75" s="296">
        <v>7.6217196247976488E-2</v>
      </c>
      <c r="P75" s="74">
        <v>144</v>
      </c>
      <c r="Q75" s="75">
        <v>73.476005204188709</v>
      </c>
      <c r="R75" s="76">
        <v>3.4299999999999997</v>
      </c>
      <c r="S75" s="295">
        <v>0.20078646181487078</v>
      </c>
      <c r="T75" s="296">
        <v>6.6828795544243827E-2</v>
      </c>
      <c r="U75" s="297">
        <v>0.53446914616688035</v>
      </c>
      <c r="V75" s="296">
        <v>8.2014374629895206E-2</v>
      </c>
      <c r="W75" s="74">
        <v>147</v>
      </c>
      <c r="X75" s="75">
        <v>76.973582003792799</v>
      </c>
      <c r="Y75" s="76">
        <v>3.5476000000000001</v>
      </c>
      <c r="Z75" s="295">
        <v>0.18170774190243241</v>
      </c>
      <c r="AA75" s="296">
        <v>6.3867902171825419E-2</v>
      </c>
      <c r="AB75" s="297">
        <v>0.62992624603375891</v>
      </c>
      <c r="AC75" s="296">
        <v>7.8731949217763594E-2</v>
      </c>
      <c r="AD75" s="74">
        <v>150</v>
      </c>
      <c r="AE75" s="75">
        <v>77.238243642370747</v>
      </c>
      <c r="AF75" s="76">
        <v>2.9007999999999998</v>
      </c>
      <c r="AG75" s="295">
        <v>0.1145864383413862</v>
      </c>
      <c r="AH75" s="296">
        <v>5.3226475905847649E-2</v>
      </c>
      <c r="AI75" s="297">
        <v>0.6119283958240942</v>
      </c>
      <c r="AJ75" s="296">
        <v>7.8643430985908327E-2</v>
      </c>
      <c r="AK75" s="74">
        <v>149</v>
      </c>
      <c r="AL75" s="75">
        <v>69.296091186343659</v>
      </c>
      <c r="AM75" s="76">
        <v>3.4495999999999998</v>
      </c>
      <c r="AN75" s="295">
        <v>0.25316683735519152</v>
      </c>
      <c r="AO75" s="296">
        <v>7.0889300007009909E-2</v>
      </c>
      <c r="AP75" s="297">
        <v>0.4350290169020028</v>
      </c>
      <c r="AQ75" s="296">
        <v>8.0195285176297731E-2</v>
      </c>
      <c r="AR75" s="74">
        <v>149</v>
      </c>
      <c r="AS75" s="75">
        <v>70.330969255680955</v>
      </c>
      <c r="AT75" s="76">
        <v>3.528</v>
      </c>
      <c r="AU75" s="295">
        <v>0.22348295515460298</v>
      </c>
      <c r="AV75" s="296">
        <v>6.8118324323973106E-2</v>
      </c>
      <c r="AW75" s="297">
        <v>0.45805700097305763</v>
      </c>
      <c r="AX75" s="296">
        <v>8.0574987202028533E-2</v>
      </c>
    </row>
    <row r="76" spans="1:50" s="5" customFormat="1">
      <c r="A76" s="45" t="s">
        <v>456</v>
      </c>
      <c r="B76" s="71">
        <v>527</v>
      </c>
      <c r="C76" s="72">
        <v>74.136172891256322</v>
      </c>
      <c r="D76" s="73">
        <v>1.5876000000000001</v>
      </c>
      <c r="E76" s="292">
        <v>0.14790702570348144</v>
      </c>
      <c r="F76" s="293">
        <v>3.1038669270452089E-2</v>
      </c>
      <c r="G76" s="294">
        <v>0.528066664929562</v>
      </c>
      <c r="H76" s="293">
        <v>4.3328907692897246E-2</v>
      </c>
      <c r="I76" s="71">
        <v>526</v>
      </c>
      <c r="J76" s="72">
        <v>66.414614475469989</v>
      </c>
      <c r="K76" s="73">
        <v>1.9403999999999999</v>
      </c>
      <c r="L76" s="292">
        <v>0.30726992943493436</v>
      </c>
      <c r="M76" s="293">
        <v>4.0133144592463935E-2</v>
      </c>
      <c r="N76" s="294">
        <v>0.37818434498390768</v>
      </c>
      <c r="O76" s="293">
        <v>4.2148353147775174E-2</v>
      </c>
      <c r="P76" s="71">
        <v>523</v>
      </c>
      <c r="Q76" s="72">
        <v>67.945128843116038</v>
      </c>
      <c r="R76" s="73">
        <v>1.9012</v>
      </c>
      <c r="S76" s="292">
        <v>0.27815772452053489</v>
      </c>
      <c r="T76" s="293">
        <v>3.9110629944125092E-2</v>
      </c>
      <c r="U76" s="294">
        <v>0.42879399450096661</v>
      </c>
      <c r="V76" s="293">
        <v>4.3123438825759225E-2</v>
      </c>
      <c r="W76" s="71">
        <v>523</v>
      </c>
      <c r="X76" s="72">
        <v>73.860192910920688</v>
      </c>
      <c r="Y76" s="73">
        <v>1.9992000000000001</v>
      </c>
      <c r="Z76" s="292">
        <v>0.20375712003356872</v>
      </c>
      <c r="AA76" s="293">
        <v>3.5234892784262214E-2</v>
      </c>
      <c r="AB76" s="294">
        <v>0.52262085236387479</v>
      </c>
      <c r="AC76" s="293">
        <v>4.3516755947182822E-2</v>
      </c>
      <c r="AD76" s="71">
        <v>527</v>
      </c>
      <c r="AE76" s="72">
        <v>78.77358382928881</v>
      </c>
      <c r="AF76" s="73">
        <v>1.6463999999999999</v>
      </c>
      <c r="AG76" s="292">
        <v>0.12266963716505211</v>
      </c>
      <c r="AH76" s="293">
        <v>2.8754271034610385E-2</v>
      </c>
      <c r="AI76" s="294">
        <v>0.62816578538549539</v>
      </c>
      <c r="AJ76" s="293">
        <v>4.1968518295510557E-2</v>
      </c>
      <c r="AK76" s="71">
        <v>525</v>
      </c>
      <c r="AL76" s="72">
        <v>69.510179258558296</v>
      </c>
      <c r="AM76" s="73">
        <v>2.0972</v>
      </c>
      <c r="AN76" s="292">
        <v>0.23979523462363922</v>
      </c>
      <c r="AO76" s="293">
        <v>3.723054684786762E-2</v>
      </c>
      <c r="AP76" s="294">
        <v>0.44437838568290999</v>
      </c>
      <c r="AQ76" s="293">
        <v>4.321247857079645E-2</v>
      </c>
      <c r="AR76" s="71">
        <v>522</v>
      </c>
      <c r="AS76" s="72">
        <v>68.537333766523574</v>
      </c>
      <c r="AT76" s="73">
        <v>2.0579999999999998</v>
      </c>
      <c r="AU76" s="292">
        <v>0.27449089741764088</v>
      </c>
      <c r="AV76" s="293">
        <v>3.8990703196136116E-2</v>
      </c>
      <c r="AW76" s="294">
        <v>0.45359201131096782</v>
      </c>
      <c r="AX76" s="293">
        <v>4.3416711922627811E-2</v>
      </c>
    </row>
    <row r="77" spans="1:50" ht="34.5" customHeight="1">
      <c r="A77" s="49" t="s">
        <v>445</v>
      </c>
      <c r="B77" s="74">
        <v>173</v>
      </c>
      <c r="C77" s="75">
        <v>75.510475605701728</v>
      </c>
      <c r="D77" s="76">
        <v>2.5087999999999999</v>
      </c>
      <c r="E77" s="295">
        <v>0.13699980886917529</v>
      </c>
      <c r="F77" s="296">
        <v>5.2961820349525152E-2</v>
      </c>
      <c r="G77" s="297">
        <v>0.52518151157535153</v>
      </c>
      <c r="H77" s="296">
        <v>7.5073482330332522E-2</v>
      </c>
      <c r="I77" s="74">
        <v>172</v>
      </c>
      <c r="J77" s="75">
        <v>65.785115612952865</v>
      </c>
      <c r="K77" s="76">
        <v>3.3908</v>
      </c>
      <c r="L77" s="295">
        <v>0.33972150366503212</v>
      </c>
      <c r="M77" s="296">
        <v>7.1583585146138037E-2</v>
      </c>
      <c r="N77" s="297">
        <v>0.39375090705877652</v>
      </c>
      <c r="O77" s="296">
        <v>7.37345407009347E-2</v>
      </c>
      <c r="P77" s="74">
        <v>171</v>
      </c>
      <c r="Q77" s="75">
        <v>65.339732465837827</v>
      </c>
      <c r="R77" s="76">
        <v>3.3712</v>
      </c>
      <c r="S77" s="295">
        <v>0.34271657749063683</v>
      </c>
      <c r="T77" s="296">
        <v>7.1933284018711616E-2</v>
      </c>
      <c r="U77" s="297">
        <v>0.35658471859595897</v>
      </c>
      <c r="V77" s="296">
        <v>7.2563124862484368E-2</v>
      </c>
      <c r="W77" s="74">
        <v>171</v>
      </c>
      <c r="X77" s="75">
        <v>73.93429881909195</v>
      </c>
      <c r="Y77" s="76">
        <v>3.4887999999999999</v>
      </c>
      <c r="Z77" s="295">
        <v>0.16776799030965406</v>
      </c>
      <c r="AA77" s="296">
        <v>5.7492375879105335E-2</v>
      </c>
      <c r="AB77" s="297">
        <v>0.51157160814418701</v>
      </c>
      <c r="AC77" s="296">
        <v>7.557356290094025E-2</v>
      </c>
      <c r="AD77" s="74">
        <v>173</v>
      </c>
      <c r="AE77" s="75">
        <v>80.237559396377506</v>
      </c>
      <c r="AF77" s="76">
        <v>2.8615999999999997</v>
      </c>
      <c r="AG77" s="295">
        <v>0.11961542408660202</v>
      </c>
      <c r="AH77" s="296">
        <v>5.0258866456021851E-2</v>
      </c>
      <c r="AI77" s="297">
        <v>0.66159691040217739</v>
      </c>
      <c r="AJ77" s="296">
        <v>7.1315860801682757E-2</v>
      </c>
      <c r="AK77" s="74">
        <v>172</v>
      </c>
      <c r="AL77" s="75">
        <v>68.630446565978474</v>
      </c>
      <c r="AM77" s="76">
        <v>3.6456</v>
      </c>
      <c r="AN77" s="295">
        <v>0.2582690865590524</v>
      </c>
      <c r="AO77" s="296">
        <v>6.6433847155750389E-2</v>
      </c>
      <c r="AP77" s="297">
        <v>0.44457669556496532</v>
      </c>
      <c r="AQ77" s="296">
        <v>7.4934258360940004E-2</v>
      </c>
      <c r="AR77" s="74">
        <v>171</v>
      </c>
      <c r="AS77" s="75">
        <v>70.76908261767403</v>
      </c>
      <c r="AT77" s="76">
        <v>3.1752000000000002</v>
      </c>
      <c r="AU77" s="295">
        <v>0.23875009271006237</v>
      </c>
      <c r="AV77" s="296">
        <v>6.4998091791111004E-2</v>
      </c>
      <c r="AW77" s="297">
        <v>0.51392136637259622</v>
      </c>
      <c r="AX77" s="296">
        <v>7.5564913087945301E-2</v>
      </c>
    </row>
    <row r="78" spans="1:50">
      <c r="A78" s="45" t="s">
        <v>446</v>
      </c>
      <c r="B78" s="54">
        <v>122</v>
      </c>
      <c r="C78" s="55">
        <v>76.013803552842447</v>
      </c>
      <c r="D78" s="56">
        <v>3.1164000000000001</v>
      </c>
      <c r="E78" s="291">
        <v>0.11210451035583727</v>
      </c>
      <c r="F78" s="298">
        <v>5.8807906740478179E-2</v>
      </c>
      <c r="G78" s="291">
        <v>0.59367052323160707</v>
      </c>
      <c r="H78" s="298">
        <v>8.7609175489426316E-2</v>
      </c>
      <c r="I78" s="54">
        <v>122</v>
      </c>
      <c r="J78" s="55">
        <v>69.060735161724665</v>
      </c>
      <c r="K78" s="56">
        <v>3.5672000000000001</v>
      </c>
      <c r="L78" s="291">
        <v>0.22656891767488269</v>
      </c>
      <c r="M78" s="298">
        <v>7.5573374562470833E-2</v>
      </c>
      <c r="N78" s="291">
        <v>0.36216635747775849</v>
      </c>
      <c r="O78" s="298">
        <v>8.5854984765878023E-2</v>
      </c>
      <c r="P78" s="54">
        <v>121</v>
      </c>
      <c r="Q78" s="55">
        <v>71.522136872380074</v>
      </c>
      <c r="R78" s="56">
        <v>3.3123999999999998</v>
      </c>
      <c r="S78" s="291">
        <v>0.23735217162790742</v>
      </c>
      <c r="T78" s="298">
        <v>7.7016454800448386E-2</v>
      </c>
      <c r="U78" s="291">
        <v>0.50079439457318098</v>
      </c>
      <c r="V78" s="298">
        <v>8.9442613321225189E-2</v>
      </c>
      <c r="W78" s="54">
        <v>121</v>
      </c>
      <c r="X78" s="55">
        <v>75.136011122194986</v>
      </c>
      <c r="Y78" s="56">
        <v>3.6259999999999999</v>
      </c>
      <c r="Z78" s="291">
        <v>0.17698682037811772</v>
      </c>
      <c r="AA78" s="298">
        <v>6.979587267692329E-2</v>
      </c>
      <c r="AB78" s="291">
        <v>0.54671439566802782</v>
      </c>
      <c r="AC78" s="298">
        <v>8.9076181984417316E-2</v>
      </c>
      <c r="AD78" s="54">
        <v>122</v>
      </c>
      <c r="AE78" s="55">
        <v>74.880218497167476</v>
      </c>
      <c r="AF78" s="56">
        <v>3.6064000000000003</v>
      </c>
      <c r="AG78" s="291">
        <v>0.12850723787972104</v>
      </c>
      <c r="AH78" s="298">
        <v>6.1879653812301337E-2</v>
      </c>
      <c r="AI78" s="291">
        <v>0.49163379936691398</v>
      </c>
      <c r="AJ78" s="298">
        <v>8.9075388111427276E-2</v>
      </c>
      <c r="AK78" s="54">
        <v>121</v>
      </c>
      <c r="AL78" s="55">
        <v>71.116074141276613</v>
      </c>
      <c r="AM78" s="56">
        <v>4.1355999999999993</v>
      </c>
      <c r="AN78" s="291">
        <v>0.1854359010593534</v>
      </c>
      <c r="AO78" s="298">
        <v>7.0943569439715193E-2</v>
      </c>
      <c r="AP78" s="291">
        <v>0.44189592388660237</v>
      </c>
      <c r="AQ78" s="298">
        <v>8.8875018507320588E-2</v>
      </c>
      <c r="AR78" s="54">
        <v>121</v>
      </c>
      <c r="AS78" s="55">
        <v>68.44338006756162</v>
      </c>
      <c r="AT78" s="56">
        <v>4.2531999999999996</v>
      </c>
      <c r="AU78" s="291">
        <v>0.2695565405850962</v>
      </c>
      <c r="AV78" s="298">
        <v>8.0048005867592781E-2</v>
      </c>
      <c r="AW78" s="291">
        <v>0.41248073029010318</v>
      </c>
      <c r="AX78" s="298">
        <v>8.8149463947629222E-2</v>
      </c>
    </row>
    <row r="79" spans="1:50">
      <c r="A79" s="49" t="s">
        <v>447</v>
      </c>
      <c r="B79" s="74">
        <v>96</v>
      </c>
      <c r="C79" s="75">
        <v>73.897955036297063</v>
      </c>
      <c r="D79" s="76">
        <v>3.92</v>
      </c>
      <c r="E79" s="295">
        <v>0.14948497941936478</v>
      </c>
      <c r="F79" s="296">
        <v>7.3965263596400196E-2</v>
      </c>
      <c r="G79" s="297">
        <v>0.51052118182091744</v>
      </c>
      <c r="H79" s="296">
        <v>9.9979594566494787E-2</v>
      </c>
      <c r="I79" s="74">
        <v>96</v>
      </c>
      <c r="J79" s="75">
        <v>66.313345802520047</v>
      </c>
      <c r="K79" s="76">
        <v>4.8020000000000005</v>
      </c>
      <c r="L79" s="295">
        <v>0.31323614060920668</v>
      </c>
      <c r="M79" s="296">
        <v>9.3349646121823129E-2</v>
      </c>
      <c r="N79" s="297">
        <v>0.37790462612132364</v>
      </c>
      <c r="O79" s="296">
        <v>9.7213466238935439E-2</v>
      </c>
      <c r="P79" s="74">
        <v>95</v>
      </c>
      <c r="Q79" s="75">
        <v>68.312549184101655</v>
      </c>
      <c r="R79" s="76">
        <v>4.6647999999999996</v>
      </c>
      <c r="S79" s="295">
        <v>0.25540272811986398</v>
      </c>
      <c r="T79" s="296">
        <v>8.8741840591895521E-2</v>
      </c>
      <c r="U79" s="297">
        <v>0.40762121759052722</v>
      </c>
      <c r="V79" s="296">
        <v>9.8911619027230849E-2</v>
      </c>
      <c r="W79" s="74">
        <v>96</v>
      </c>
      <c r="X79" s="75">
        <v>71.941828736255687</v>
      </c>
      <c r="Y79" s="76">
        <v>4.9195999999999991</v>
      </c>
      <c r="Z79" s="295">
        <v>0.25373827711188146</v>
      </c>
      <c r="AA79" s="296">
        <v>8.8115769075712155E-2</v>
      </c>
      <c r="AB79" s="297">
        <v>0.48962675543330997</v>
      </c>
      <c r="AC79" s="296">
        <v>9.9980164426082499E-2</v>
      </c>
      <c r="AD79" s="74">
        <v>96</v>
      </c>
      <c r="AE79" s="75">
        <v>78.475650537647951</v>
      </c>
      <c r="AF79" s="76">
        <v>4.0571999999999999</v>
      </c>
      <c r="AG79" s="295">
        <v>0.13477991979761558</v>
      </c>
      <c r="AH79" s="296">
        <v>7.1294244492647207E-2</v>
      </c>
      <c r="AI79" s="297">
        <v>0.66194048906863634</v>
      </c>
      <c r="AJ79" s="296">
        <v>9.5043420856994479E-2</v>
      </c>
      <c r="AK79" s="74">
        <v>96</v>
      </c>
      <c r="AL79" s="75">
        <v>68.462949280380286</v>
      </c>
      <c r="AM79" s="76">
        <v>5.0763999999999996</v>
      </c>
      <c r="AN79" s="295">
        <v>0.23882891519250585</v>
      </c>
      <c r="AO79" s="296">
        <v>8.6518750514966478E-2</v>
      </c>
      <c r="AP79" s="297">
        <v>0.41965596795579913</v>
      </c>
      <c r="AQ79" s="296">
        <v>9.8803020466403504E-2</v>
      </c>
      <c r="AR79" s="74">
        <v>96</v>
      </c>
      <c r="AS79" s="75">
        <v>68.019224548194288</v>
      </c>
      <c r="AT79" s="76">
        <v>5.3311999999999999</v>
      </c>
      <c r="AU79" s="295">
        <v>0.32923394666551831</v>
      </c>
      <c r="AV79" s="296">
        <v>9.4472256446922115E-2</v>
      </c>
      <c r="AW79" s="297">
        <v>0.44895835706025394</v>
      </c>
      <c r="AX79" s="296">
        <v>9.9518641918432182E-2</v>
      </c>
    </row>
    <row r="80" spans="1:50">
      <c r="A80" s="57" t="s">
        <v>448</v>
      </c>
      <c r="B80" s="71">
        <v>136</v>
      </c>
      <c r="C80" s="72">
        <v>68.637105581471701</v>
      </c>
      <c r="D80" s="73">
        <v>3.4887999999999999</v>
      </c>
      <c r="E80" s="292">
        <v>0.22923204432080352</v>
      </c>
      <c r="F80" s="293">
        <v>7.187574792029168E-2</v>
      </c>
      <c r="G80" s="294">
        <v>0.43763460570372947</v>
      </c>
      <c r="H80" s="293">
        <v>8.3892726807342916E-2</v>
      </c>
      <c r="I80" s="71">
        <v>136</v>
      </c>
      <c r="J80" s="72">
        <v>62.913956685022768</v>
      </c>
      <c r="K80" s="73">
        <v>4.0179999999999998</v>
      </c>
      <c r="L80" s="292">
        <v>0.38740216165348862</v>
      </c>
      <c r="M80" s="293">
        <v>8.24683229130556E-2</v>
      </c>
      <c r="N80" s="294">
        <v>0.37997860039525228</v>
      </c>
      <c r="O80" s="293">
        <v>8.2185548780313686E-2</v>
      </c>
      <c r="P80" s="71">
        <v>136</v>
      </c>
      <c r="Q80" s="72">
        <v>65.689716704536536</v>
      </c>
      <c r="R80" s="73">
        <v>4.0376000000000003</v>
      </c>
      <c r="S80" s="292">
        <v>0.26532902468480485</v>
      </c>
      <c r="T80" s="293">
        <v>7.5219955876180744E-2</v>
      </c>
      <c r="U80" s="294">
        <v>0.45289465172869731</v>
      </c>
      <c r="V80" s="293">
        <v>8.4160742440087352E-2</v>
      </c>
      <c r="W80" s="71">
        <v>135</v>
      </c>
      <c r="X80" s="72">
        <v>73.806762766115014</v>
      </c>
      <c r="Y80" s="73">
        <v>4.2336</v>
      </c>
      <c r="Z80" s="292">
        <v>0.25336561532186186</v>
      </c>
      <c r="AA80" s="293">
        <v>7.4451863510892419E-2</v>
      </c>
      <c r="AB80" s="294">
        <v>0.53949139618610009</v>
      </c>
      <c r="AC80" s="293">
        <v>8.4568970204498647E-2</v>
      </c>
      <c r="AD80" s="71">
        <v>136</v>
      </c>
      <c r="AE80" s="72">
        <v>83.487076746017877</v>
      </c>
      <c r="AF80" s="73">
        <v>2.9792000000000001</v>
      </c>
      <c r="AG80" s="292">
        <v>0.1028243218333984</v>
      </c>
      <c r="AH80" s="293">
        <v>5.3755240934074591E-2</v>
      </c>
      <c r="AI80" s="294">
        <v>0.77102508171077655</v>
      </c>
      <c r="AJ80" s="293">
        <v>7.1849614289218558E-2</v>
      </c>
      <c r="AK80" s="71">
        <v>136</v>
      </c>
      <c r="AL80" s="72">
        <v>69.426819739436127</v>
      </c>
      <c r="AM80" s="73">
        <v>4.2336</v>
      </c>
      <c r="AN80" s="292">
        <v>0.30652165504984386</v>
      </c>
      <c r="AO80" s="293">
        <v>7.8317057083525571E-2</v>
      </c>
      <c r="AP80" s="294">
        <v>0.47878885453851922</v>
      </c>
      <c r="AQ80" s="293">
        <v>8.4443629435638254E-2</v>
      </c>
      <c r="AR80" s="71">
        <v>134</v>
      </c>
      <c r="AS80" s="72">
        <v>65.394181005196543</v>
      </c>
      <c r="AT80" s="73">
        <v>4.2728000000000002</v>
      </c>
      <c r="AU80" s="292">
        <v>0.27891155080153995</v>
      </c>
      <c r="AV80" s="293">
        <v>7.6879815798751291E-2</v>
      </c>
      <c r="AW80" s="294">
        <v>0.42613470836167411</v>
      </c>
      <c r="AX80" s="293">
        <v>8.4245264655218005E-2</v>
      </c>
    </row>
    <row r="81" spans="1:50">
      <c r="A81" s="49" t="s">
        <v>457</v>
      </c>
      <c r="B81" s="74">
        <v>736</v>
      </c>
      <c r="C81" s="75">
        <v>74.358457649067958</v>
      </c>
      <c r="D81" s="76">
        <v>1.4503999999999999</v>
      </c>
      <c r="E81" s="295">
        <v>0.18237067299261434</v>
      </c>
      <c r="F81" s="296">
        <v>2.8493654876157862E-2</v>
      </c>
      <c r="G81" s="297">
        <v>0.57643953250520152</v>
      </c>
      <c r="H81" s="296">
        <v>3.6333291616141267E-2</v>
      </c>
      <c r="I81" s="74">
        <v>736</v>
      </c>
      <c r="J81" s="75">
        <v>66.492742344043933</v>
      </c>
      <c r="K81" s="76">
        <v>1.6267999999999998</v>
      </c>
      <c r="L81" s="295">
        <v>0.30800905646853871</v>
      </c>
      <c r="M81" s="296">
        <v>3.3974306088824076E-2</v>
      </c>
      <c r="N81" s="297">
        <v>0.4024145630265844</v>
      </c>
      <c r="O81" s="296">
        <v>3.6061490630834178E-2</v>
      </c>
      <c r="P81" s="74">
        <v>730</v>
      </c>
      <c r="Q81" s="75">
        <v>67.591477142901212</v>
      </c>
      <c r="R81" s="76">
        <v>1.6463999999999999</v>
      </c>
      <c r="S81" s="295">
        <v>0.29685955006214704</v>
      </c>
      <c r="T81" s="296">
        <v>3.3763280621106014E-2</v>
      </c>
      <c r="U81" s="297">
        <v>0.40385503465913042</v>
      </c>
      <c r="V81" s="296">
        <v>3.6229409942800682E-2</v>
      </c>
      <c r="W81" s="74">
        <v>736</v>
      </c>
      <c r="X81" s="75">
        <v>73.544187894424908</v>
      </c>
      <c r="Y81" s="76">
        <v>1.764</v>
      </c>
      <c r="Z81" s="295">
        <v>0.21948566013678927</v>
      </c>
      <c r="AA81" s="296">
        <v>3.0505656564811093E-2</v>
      </c>
      <c r="AB81" s="297">
        <v>0.55817911178835022</v>
      </c>
      <c r="AC81" s="296">
        <v>3.6513728227853218E-2</v>
      </c>
      <c r="AD81" s="74">
        <v>732</v>
      </c>
      <c r="AE81" s="75">
        <v>78.506160695056977</v>
      </c>
      <c r="AF81" s="76">
        <v>1.47</v>
      </c>
      <c r="AG81" s="295">
        <v>0.14854030351618552</v>
      </c>
      <c r="AH81" s="296">
        <v>2.6356160541695425E-2</v>
      </c>
      <c r="AI81" s="297">
        <v>0.6466868904447699</v>
      </c>
      <c r="AJ81" s="296">
        <v>3.5256528961874534E-2</v>
      </c>
      <c r="AK81" s="74">
        <v>734</v>
      </c>
      <c r="AL81" s="75">
        <v>69.040760575150003</v>
      </c>
      <c r="AM81" s="76">
        <v>1.7052</v>
      </c>
      <c r="AN81" s="295">
        <v>0.31172148107818604</v>
      </c>
      <c r="AO81" s="296">
        <v>3.4131455326239908E-2</v>
      </c>
      <c r="AP81" s="297">
        <v>0.44647754514255367</v>
      </c>
      <c r="AQ81" s="296">
        <v>3.6601295445708025E-2</v>
      </c>
      <c r="AR81" s="74">
        <v>735</v>
      </c>
      <c r="AS81" s="75">
        <v>66.848145222549391</v>
      </c>
      <c r="AT81" s="76">
        <v>1.8228</v>
      </c>
      <c r="AU81" s="295">
        <v>0.32260352016346233</v>
      </c>
      <c r="AV81" s="296">
        <v>3.4419228526187499E-2</v>
      </c>
      <c r="AW81" s="297">
        <v>0.41413758474718809</v>
      </c>
      <c r="AX81" s="296">
        <v>3.6245086541775613E-2</v>
      </c>
    </row>
    <row r="82" spans="1:50">
      <c r="A82" s="57" t="s">
        <v>449</v>
      </c>
      <c r="B82" s="71">
        <v>130</v>
      </c>
      <c r="C82" s="72">
        <v>76.753167938347332</v>
      </c>
      <c r="D82" s="73">
        <v>3.0771999999999999</v>
      </c>
      <c r="E82" s="292">
        <v>0.21824794800679245</v>
      </c>
      <c r="F82" s="293">
        <v>7.2335124079428381E-2</v>
      </c>
      <c r="G82" s="294">
        <v>0.62495947091323079</v>
      </c>
      <c r="H82" s="293">
        <v>8.3809209008598742E-2</v>
      </c>
      <c r="I82" s="71">
        <v>131</v>
      </c>
      <c r="J82" s="72">
        <v>66.208546724492152</v>
      </c>
      <c r="K82" s="73">
        <v>3.5868000000000002</v>
      </c>
      <c r="L82" s="292">
        <v>0.38611785910823954</v>
      </c>
      <c r="M82" s="293">
        <v>8.3937898372229799E-2</v>
      </c>
      <c r="N82" s="294">
        <v>0.45848509138920812</v>
      </c>
      <c r="O82" s="293">
        <v>8.5786493262730204E-2</v>
      </c>
      <c r="P82" s="71">
        <v>130</v>
      </c>
      <c r="Q82" s="72">
        <v>66.860588500394073</v>
      </c>
      <c r="R82" s="73">
        <v>3.6652</v>
      </c>
      <c r="S82" s="292">
        <v>0.33540630136669952</v>
      </c>
      <c r="T82" s="293">
        <v>8.186303680728875E-2</v>
      </c>
      <c r="U82" s="294">
        <v>0.42147653867975021</v>
      </c>
      <c r="V82" s="293">
        <v>8.5378295543663052E-2</v>
      </c>
      <c r="W82" s="71">
        <v>130</v>
      </c>
      <c r="X82" s="72">
        <v>73.037381354058923</v>
      </c>
      <c r="Y82" s="73">
        <v>4.2728000000000002</v>
      </c>
      <c r="Z82" s="292">
        <v>0.23869381994856001</v>
      </c>
      <c r="AA82" s="293">
        <v>7.4460188743572103E-2</v>
      </c>
      <c r="AB82" s="294">
        <v>0.67225044330161854</v>
      </c>
      <c r="AC82" s="293">
        <v>8.141925819412997E-2</v>
      </c>
      <c r="AD82" s="71">
        <v>129</v>
      </c>
      <c r="AE82" s="72">
        <v>83.614552968000055</v>
      </c>
      <c r="AF82" s="73">
        <v>2.6852</v>
      </c>
      <c r="AG82" s="292">
        <v>7.5316869715671197E-2</v>
      </c>
      <c r="AH82" s="293">
        <v>4.9152079740375526E-2</v>
      </c>
      <c r="AI82" s="294">
        <v>0.73050061505326769</v>
      </c>
      <c r="AJ82" s="293">
        <v>7.7560014223130247E-2</v>
      </c>
      <c r="AK82" s="71">
        <v>131</v>
      </c>
      <c r="AL82" s="72">
        <v>70.864461545085419</v>
      </c>
      <c r="AM82" s="73">
        <v>3.7239999999999998</v>
      </c>
      <c r="AN82" s="292">
        <v>0.3150879259835786</v>
      </c>
      <c r="AO82" s="293">
        <v>8.0333329192341443E-2</v>
      </c>
      <c r="AP82" s="294">
        <v>0.56582299901360988</v>
      </c>
      <c r="AQ82" s="293">
        <v>8.5361155140987563E-2</v>
      </c>
      <c r="AR82" s="71">
        <v>130</v>
      </c>
      <c r="AS82" s="72">
        <v>65.914310722066688</v>
      </c>
      <c r="AT82" s="73">
        <v>4.4492000000000003</v>
      </c>
      <c r="AU82" s="292">
        <v>0.34905611268429965</v>
      </c>
      <c r="AV82" s="293">
        <v>8.2598811558686286E-2</v>
      </c>
      <c r="AW82" s="294">
        <v>0.44393169395705229</v>
      </c>
      <c r="AX82" s="293">
        <v>8.5874122514749643E-2</v>
      </c>
    </row>
    <row r="83" spans="1:50">
      <c r="A83" s="49" t="s">
        <v>450</v>
      </c>
      <c r="B83" s="74">
        <v>105</v>
      </c>
      <c r="C83" s="75">
        <v>77.793770865912919</v>
      </c>
      <c r="D83" s="76">
        <v>3.8807999999999998</v>
      </c>
      <c r="E83" s="295">
        <v>0.16496101945846253</v>
      </c>
      <c r="F83" s="296">
        <v>7.3155942144271666E-2</v>
      </c>
      <c r="G83" s="297">
        <v>0.69595000218907832</v>
      </c>
      <c r="H83" s="296">
        <v>8.8694915365158625E-2</v>
      </c>
      <c r="I83" s="74">
        <v>105</v>
      </c>
      <c r="J83" s="75">
        <v>68.574479971853577</v>
      </c>
      <c r="K83" s="76">
        <v>3.9395999999999995</v>
      </c>
      <c r="L83" s="295">
        <v>0.29451888831916662</v>
      </c>
      <c r="M83" s="296">
        <v>8.7957360473158441E-2</v>
      </c>
      <c r="N83" s="297">
        <v>0.43687550312353407</v>
      </c>
      <c r="O83" s="296">
        <v>9.5071655630735552E-2</v>
      </c>
      <c r="P83" s="74">
        <v>103</v>
      </c>
      <c r="Q83" s="75">
        <v>72.74540377705452</v>
      </c>
      <c r="R83" s="76">
        <v>3.8415999999999997</v>
      </c>
      <c r="S83" s="295">
        <v>0.19899133359807858</v>
      </c>
      <c r="T83" s="296">
        <v>7.8785514347919333E-2</v>
      </c>
      <c r="U83" s="297">
        <v>0.44599509361058387</v>
      </c>
      <c r="V83" s="296">
        <v>9.6149698808519382E-2</v>
      </c>
      <c r="W83" s="74">
        <v>105</v>
      </c>
      <c r="X83" s="75">
        <v>77.485177800596873</v>
      </c>
      <c r="Y83" s="76">
        <v>4.3512000000000004</v>
      </c>
      <c r="Z83" s="295">
        <v>0.16071342531181282</v>
      </c>
      <c r="AA83" s="296">
        <v>7.2486235567552196E-2</v>
      </c>
      <c r="AB83" s="297">
        <v>0.62360220439568304</v>
      </c>
      <c r="AC83" s="296">
        <v>9.3027214288234669E-2</v>
      </c>
      <c r="AD83" s="74">
        <v>104</v>
      </c>
      <c r="AE83" s="75">
        <v>79.600552399783481</v>
      </c>
      <c r="AF83" s="76">
        <v>3.8611999999999997</v>
      </c>
      <c r="AG83" s="295">
        <v>0.11177216232451756</v>
      </c>
      <c r="AH83" s="296">
        <v>6.3897169592142339E-2</v>
      </c>
      <c r="AI83" s="297">
        <v>0.64634946954250994</v>
      </c>
      <c r="AJ83" s="296">
        <v>9.2323702560104803E-2</v>
      </c>
      <c r="AK83" s="74">
        <v>105</v>
      </c>
      <c r="AL83" s="75">
        <v>68.830220123697586</v>
      </c>
      <c r="AM83" s="76">
        <v>4.4295999999999998</v>
      </c>
      <c r="AN83" s="295">
        <v>0.33553728415455908</v>
      </c>
      <c r="AO83" s="296">
        <v>9.0847339052940609E-2</v>
      </c>
      <c r="AP83" s="297">
        <v>0.38589025996891912</v>
      </c>
      <c r="AQ83" s="296">
        <v>9.3439300631161529E-2</v>
      </c>
      <c r="AR83" s="74">
        <v>105</v>
      </c>
      <c r="AS83" s="75">
        <v>71.565223355954103</v>
      </c>
      <c r="AT83" s="76">
        <v>4.6255999999999995</v>
      </c>
      <c r="AU83" s="295">
        <v>0.17965608527543683</v>
      </c>
      <c r="AV83" s="296">
        <v>7.5364152872076109E-2</v>
      </c>
      <c r="AW83" s="297">
        <v>0.42679930188723636</v>
      </c>
      <c r="AX83" s="296">
        <v>9.4825327511832536E-2</v>
      </c>
    </row>
    <row r="84" spans="1:50" ht="25.5">
      <c r="A84" s="57" t="s">
        <v>451</v>
      </c>
      <c r="B84" s="71">
        <v>187</v>
      </c>
      <c r="C84" s="72">
        <v>78.073452801238261</v>
      </c>
      <c r="D84" s="73">
        <v>2.8811999999999998</v>
      </c>
      <c r="E84" s="292">
        <v>0.13760870390718588</v>
      </c>
      <c r="F84" s="293">
        <v>5.0983125547506253E-2</v>
      </c>
      <c r="G84" s="294">
        <v>0.65796530800163588</v>
      </c>
      <c r="H84" s="293">
        <v>6.8809041610187374E-2</v>
      </c>
      <c r="I84" s="71">
        <v>187</v>
      </c>
      <c r="J84" s="72">
        <v>67.252972300472209</v>
      </c>
      <c r="K84" s="73">
        <v>3.528</v>
      </c>
      <c r="L84" s="292">
        <v>0.26926152413698312</v>
      </c>
      <c r="M84" s="293">
        <v>6.4551025036168552E-2</v>
      </c>
      <c r="N84" s="294">
        <v>0.43113662157377963</v>
      </c>
      <c r="O84" s="293">
        <v>7.1696623793866321E-2</v>
      </c>
      <c r="P84" s="71">
        <v>186</v>
      </c>
      <c r="Q84" s="72">
        <v>69.429529297257858</v>
      </c>
      <c r="R84" s="73">
        <v>3.5084</v>
      </c>
      <c r="S84" s="292">
        <v>0.27036970664341886</v>
      </c>
      <c r="T84" s="293">
        <v>6.4802009592993662E-2</v>
      </c>
      <c r="U84" s="294">
        <v>0.45799017661075803</v>
      </c>
      <c r="V84" s="293">
        <v>7.2301809102624001E-2</v>
      </c>
      <c r="W84" s="71">
        <v>187</v>
      </c>
      <c r="X84" s="72">
        <v>77.076722592640422</v>
      </c>
      <c r="Y84" s="73">
        <v>3.5084</v>
      </c>
      <c r="Z84" s="292">
        <v>0.17346716176002397</v>
      </c>
      <c r="AA84" s="293">
        <v>5.5634456903398292E-2</v>
      </c>
      <c r="AB84" s="294">
        <v>0.62186308245806365</v>
      </c>
      <c r="AC84" s="293">
        <v>7.026723723258714E-2</v>
      </c>
      <c r="AD84" s="71">
        <v>188</v>
      </c>
      <c r="AE84" s="72">
        <v>84.86467267361617</v>
      </c>
      <c r="AF84" s="73">
        <v>2.7635999999999998</v>
      </c>
      <c r="AG84" s="292">
        <v>8.3078663679537729E-2</v>
      </c>
      <c r="AH84" s="293">
        <v>4.1669282459076327E-2</v>
      </c>
      <c r="AI84" s="294">
        <v>0.78739813063165576</v>
      </c>
      <c r="AJ84" s="293">
        <v>5.9653170327932631E-2</v>
      </c>
      <c r="AK84" s="71">
        <v>187</v>
      </c>
      <c r="AL84" s="72">
        <v>75.483751283403137</v>
      </c>
      <c r="AM84" s="73">
        <v>3.2731999999999997</v>
      </c>
      <c r="AN84" s="292">
        <v>0.19148339462248282</v>
      </c>
      <c r="AO84" s="293">
        <v>5.7661670744226123E-2</v>
      </c>
      <c r="AP84" s="294">
        <v>0.56708182954613984</v>
      </c>
      <c r="AQ84" s="293">
        <v>7.1730521740636571E-2</v>
      </c>
      <c r="AR84" s="71">
        <v>186</v>
      </c>
      <c r="AS84" s="72">
        <v>71.381347289518871</v>
      </c>
      <c r="AT84" s="73">
        <v>3.6259999999999999</v>
      </c>
      <c r="AU84" s="292">
        <v>0.28251880663848578</v>
      </c>
      <c r="AV84" s="293">
        <v>6.5642166336248184E-2</v>
      </c>
      <c r="AW84" s="294">
        <v>0.52604007151551024</v>
      </c>
      <c r="AX84" s="293">
        <v>7.2453275702354783E-2</v>
      </c>
    </row>
    <row r="85" spans="1:50">
      <c r="A85" s="49" t="s">
        <v>452</v>
      </c>
      <c r="B85" s="74">
        <v>85</v>
      </c>
      <c r="C85" s="75">
        <v>71.645986823650716</v>
      </c>
      <c r="D85" s="76">
        <v>4.4492000000000003</v>
      </c>
      <c r="E85" s="295">
        <v>0.19060634526015396</v>
      </c>
      <c r="F85" s="296">
        <v>8.550882774470181E-2</v>
      </c>
      <c r="G85" s="297">
        <v>0.47845306225490319</v>
      </c>
      <c r="H85" s="296">
        <v>0.10590997318670545</v>
      </c>
      <c r="I85" s="74">
        <v>85</v>
      </c>
      <c r="J85" s="75">
        <v>67.879816644152712</v>
      </c>
      <c r="K85" s="76">
        <v>4.8412000000000006</v>
      </c>
      <c r="L85" s="295">
        <v>0.26537807843237471</v>
      </c>
      <c r="M85" s="296">
        <v>9.4759173411089817E-2</v>
      </c>
      <c r="N85" s="297">
        <v>0.57315136893687746</v>
      </c>
      <c r="O85" s="296">
        <v>0.10495993201015985</v>
      </c>
      <c r="P85" s="74">
        <v>83</v>
      </c>
      <c r="Q85" s="75">
        <v>69.909024329067293</v>
      </c>
      <c r="R85" s="76">
        <v>5.1352000000000002</v>
      </c>
      <c r="S85" s="295">
        <v>0.19931037617484648</v>
      </c>
      <c r="T85" s="296">
        <v>8.7810815126299568E-2</v>
      </c>
      <c r="U85" s="297">
        <v>0.49791267013385881</v>
      </c>
      <c r="V85" s="296">
        <v>0.10721040318423695</v>
      </c>
      <c r="W85" s="74">
        <v>85</v>
      </c>
      <c r="X85" s="75">
        <v>71.033449280304978</v>
      </c>
      <c r="Y85" s="76">
        <v>5.2528000000000006</v>
      </c>
      <c r="Z85" s="295">
        <v>0.18029431853495509</v>
      </c>
      <c r="AA85" s="296">
        <v>8.393935359247838E-2</v>
      </c>
      <c r="AB85" s="297">
        <v>0.42661851636058695</v>
      </c>
      <c r="AC85" s="296">
        <v>0.10495334683574441</v>
      </c>
      <c r="AD85" s="74">
        <v>84</v>
      </c>
      <c r="AE85" s="75">
        <v>80.040928533656043</v>
      </c>
      <c r="AF85" s="76">
        <v>3.8220000000000001</v>
      </c>
      <c r="AG85" s="295">
        <v>0.10846056037899322</v>
      </c>
      <c r="AH85" s="296">
        <v>7.0812419829313453E-2</v>
      </c>
      <c r="AI85" s="297">
        <v>0.66814930081196156</v>
      </c>
      <c r="AJ85" s="296">
        <v>0.10095853684543776</v>
      </c>
      <c r="AK85" s="74">
        <v>85</v>
      </c>
      <c r="AL85" s="75">
        <v>73.992694895886416</v>
      </c>
      <c r="AM85" s="76">
        <v>5.2332000000000001</v>
      </c>
      <c r="AN85" s="295">
        <v>0.25278801039342225</v>
      </c>
      <c r="AO85" s="296">
        <v>9.3437753842878224E-2</v>
      </c>
      <c r="AP85" s="297">
        <v>0.54686271080173943</v>
      </c>
      <c r="AQ85" s="296">
        <v>0.10557426775743649</v>
      </c>
      <c r="AR85" s="74">
        <v>85</v>
      </c>
      <c r="AS85" s="75">
        <v>73.65059227322925</v>
      </c>
      <c r="AT85" s="76">
        <v>5.5860000000000003</v>
      </c>
      <c r="AU85" s="295">
        <v>0.23941256654826129</v>
      </c>
      <c r="AV85" s="296">
        <v>9.1935716786110164E-2</v>
      </c>
      <c r="AW85" s="297">
        <v>0.53571520287617413</v>
      </c>
      <c r="AX85" s="296">
        <v>0.10575284014664509</v>
      </c>
    </row>
    <row r="86" spans="1:50" s="5" customFormat="1">
      <c r="A86" s="57" t="s">
        <v>453</v>
      </c>
      <c r="B86" s="71">
        <v>96</v>
      </c>
      <c r="C86" s="72">
        <v>74.679941632176025</v>
      </c>
      <c r="D86" s="73">
        <v>3.6652</v>
      </c>
      <c r="E86" s="292">
        <v>0.1789512101489408</v>
      </c>
      <c r="F86" s="293">
        <v>7.8742249104686635E-2</v>
      </c>
      <c r="G86" s="294">
        <v>0.60104443520047557</v>
      </c>
      <c r="H86" s="293">
        <v>9.8100047784126898E-2</v>
      </c>
      <c r="I86" s="71">
        <v>96</v>
      </c>
      <c r="J86" s="72">
        <v>65.998640680574056</v>
      </c>
      <c r="K86" s="73">
        <v>4.2336</v>
      </c>
      <c r="L86" s="292">
        <v>0.27267271148136235</v>
      </c>
      <c r="M86" s="293">
        <v>8.9971959024890538E-2</v>
      </c>
      <c r="N86" s="294">
        <v>0.28134735694322605</v>
      </c>
      <c r="O86" s="293">
        <v>9.0761058959057742E-2</v>
      </c>
      <c r="P86" s="71">
        <v>96</v>
      </c>
      <c r="Q86" s="72">
        <v>66.358429411488672</v>
      </c>
      <c r="R86" s="73">
        <v>4.5863999999999994</v>
      </c>
      <c r="S86" s="292">
        <v>0.29155447908063431</v>
      </c>
      <c r="T86" s="293">
        <v>9.1642110051581807E-2</v>
      </c>
      <c r="U86" s="294">
        <v>0.38585098755279229</v>
      </c>
      <c r="V86" s="293">
        <v>9.756875621334378E-2</v>
      </c>
      <c r="W86" s="71">
        <v>96</v>
      </c>
      <c r="X86" s="72">
        <v>72.242293124534712</v>
      </c>
      <c r="Y86" s="73">
        <v>4.9391999999999996</v>
      </c>
      <c r="Z86" s="292">
        <v>0.27029508060477381</v>
      </c>
      <c r="AA86" s="293">
        <v>8.9749066857587115E-2</v>
      </c>
      <c r="AB86" s="294">
        <v>0.50053538669358988</v>
      </c>
      <c r="AC86" s="293">
        <v>9.9999947166701852E-2</v>
      </c>
      <c r="AD86" s="71">
        <v>95</v>
      </c>
      <c r="AE86" s="72">
        <v>77.720996314195119</v>
      </c>
      <c r="AF86" s="73">
        <v>3.5672000000000001</v>
      </c>
      <c r="AG86" s="292">
        <v>0.1068649618016668</v>
      </c>
      <c r="AH86" s="293">
        <v>6.5960452875391873E-2</v>
      </c>
      <c r="AI86" s="294">
        <v>0.58815574734247145</v>
      </c>
      <c r="AJ86" s="293">
        <v>9.9054902082541099E-2</v>
      </c>
      <c r="AK86" s="71">
        <v>95</v>
      </c>
      <c r="AL86" s="72">
        <v>66.232778076287815</v>
      </c>
      <c r="AM86" s="73">
        <v>4.7824</v>
      </c>
      <c r="AN86" s="292">
        <v>0.34032474224205</v>
      </c>
      <c r="AO86" s="293">
        <v>9.5668300670907203E-2</v>
      </c>
      <c r="AP86" s="294">
        <v>0.38830961751204118</v>
      </c>
      <c r="AQ86" s="293">
        <v>9.8167647478811543E-2</v>
      </c>
      <c r="AR86" s="71">
        <v>96</v>
      </c>
      <c r="AS86" s="72">
        <v>63.245151976276318</v>
      </c>
      <c r="AT86" s="73">
        <v>4.7236000000000002</v>
      </c>
      <c r="AU86" s="292">
        <v>0.41788105005566761</v>
      </c>
      <c r="AV86" s="293">
        <v>9.8749211678905685E-2</v>
      </c>
      <c r="AW86" s="294">
        <v>0.32461143581841861</v>
      </c>
      <c r="AX86" s="293">
        <v>9.4159550889426902E-2</v>
      </c>
    </row>
    <row r="87" spans="1:50" s="5" customFormat="1">
      <c r="A87" s="49" t="s">
        <v>454</v>
      </c>
      <c r="B87" s="74">
        <v>133</v>
      </c>
      <c r="C87" s="75">
        <v>67.422195663721951</v>
      </c>
      <c r="D87" s="76">
        <v>3.6456</v>
      </c>
      <c r="E87" s="295">
        <v>0.21890964580450084</v>
      </c>
      <c r="F87" s="296">
        <v>7.1589805707164902E-2</v>
      </c>
      <c r="G87" s="297">
        <v>0.39437598018175501</v>
      </c>
      <c r="H87" s="296">
        <v>8.3619843014239525E-2</v>
      </c>
      <c r="I87" s="74">
        <v>132</v>
      </c>
      <c r="J87" s="75">
        <v>64.356675083890508</v>
      </c>
      <c r="K87" s="76">
        <v>3.8611999999999997</v>
      </c>
      <c r="L87" s="295">
        <v>0.35402184743670878</v>
      </c>
      <c r="M87" s="296">
        <v>8.2234501877101379E-2</v>
      </c>
      <c r="N87" s="297">
        <v>0.3572382898327674</v>
      </c>
      <c r="O87" s="296">
        <v>8.2390808379717156E-2</v>
      </c>
      <c r="P87" s="74">
        <v>132</v>
      </c>
      <c r="Q87" s="75">
        <v>62.854349883151635</v>
      </c>
      <c r="R87" s="76">
        <v>3.7239999999999998</v>
      </c>
      <c r="S87" s="295">
        <v>0.40425434139968697</v>
      </c>
      <c r="T87" s="296">
        <v>8.4255229828791356E-2</v>
      </c>
      <c r="U87" s="297">
        <v>0.29415470804717908</v>
      </c>
      <c r="V87" s="296">
        <v>7.8606156932700441E-2</v>
      </c>
      <c r="W87" s="74">
        <v>133</v>
      </c>
      <c r="X87" s="75">
        <v>69.38251701345412</v>
      </c>
      <c r="Y87" s="76">
        <v>4.1159999999999997</v>
      </c>
      <c r="Z87" s="295">
        <v>0.26796046511313709</v>
      </c>
      <c r="AA87" s="296">
        <v>7.6273773869673128E-2</v>
      </c>
      <c r="AB87" s="297">
        <v>0.47163045816654392</v>
      </c>
      <c r="AC87" s="296">
        <v>8.5306057909908264E-2</v>
      </c>
      <c r="AD87" s="74">
        <v>132</v>
      </c>
      <c r="AE87" s="75">
        <v>68.426084929511404</v>
      </c>
      <c r="AF87" s="76">
        <v>4.4295999999999998</v>
      </c>
      <c r="AG87" s="295">
        <v>0.32952016698123376</v>
      </c>
      <c r="AH87" s="296">
        <v>8.0917731535193202E-2</v>
      </c>
      <c r="AI87" s="297">
        <v>0.49442890471609802</v>
      </c>
      <c r="AJ87" s="296">
        <v>8.5744278107939054E-2</v>
      </c>
      <c r="AK87" s="74">
        <v>131</v>
      </c>
      <c r="AL87" s="75">
        <v>62.13618938462583</v>
      </c>
      <c r="AM87" s="76">
        <v>4.1747999999999994</v>
      </c>
      <c r="AN87" s="295">
        <v>0.4126120481309053</v>
      </c>
      <c r="AO87" s="296">
        <v>8.481949182034941E-2</v>
      </c>
      <c r="AP87" s="297">
        <v>0.3085347306242604</v>
      </c>
      <c r="AQ87" s="296">
        <v>7.990387732091403E-2</v>
      </c>
      <c r="AR87" s="74">
        <v>133</v>
      </c>
      <c r="AS87" s="75">
        <v>60.179242983197099</v>
      </c>
      <c r="AT87" s="76">
        <v>4.3904000000000005</v>
      </c>
      <c r="AU87" s="295">
        <v>0.39784875831455435</v>
      </c>
      <c r="AV87" s="296">
        <v>8.3738481372598414E-2</v>
      </c>
      <c r="AW87" s="297">
        <v>0.30682412365175288</v>
      </c>
      <c r="AX87" s="296">
        <v>7.9198606386425702E-2</v>
      </c>
    </row>
    <row r="88" spans="1:50" s="5" customFormat="1"/>
    <row r="90" spans="1:50" ht="18.75">
      <c r="A90" s="321" t="s">
        <v>285</v>
      </c>
      <c r="B90" s="321"/>
      <c r="C90" s="321"/>
      <c r="D90" s="321"/>
      <c r="E90" s="321"/>
      <c r="F90" s="321"/>
      <c r="G90" s="321"/>
      <c r="H90" s="321"/>
    </row>
    <row r="91" spans="1:50" ht="72.75" customHeight="1">
      <c r="A91" s="320" t="s">
        <v>289</v>
      </c>
      <c r="B91" s="320"/>
      <c r="C91" s="320"/>
      <c r="D91" s="320"/>
      <c r="E91" s="320"/>
      <c r="F91" s="320"/>
      <c r="G91" s="320"/>
      <c r="H91" s="320"/>
    </row>
    <row r="92" spans="1:50" ht="33" customHeight="1">
      <c r="A92" s="312" t="s">
        <v>286</v>
      </c>
      <c r="B92" s="313"/>
      <c r="C92" s="313"/>
      <c r="D92" s="313"/>
      <c r="E92" s="313"/>
      <c r="F92" s="313"/>
      <c r="G92" s="313"/>
      <c r="H92" s="314"/>
    </row>
    <row r="93" spans="1:50" ht="42" customHeight="1">
      <c r="A93" s="37" t="s">
        <v>85</v>
      </c>
      <c r="B93" s="38" t="s">
        <v>86</v>
      </c>
      <c r="C93" s="39" t="s">
        <v>87</v>
      </c>
      <c r="D93" s="40" t="s">
        <v>88</v>
      </c>
      <c r="E93" s="39" t="s">
        <v>410</v>
      </c>
      <c r="F93" s="40" t="s">
        <v>414</v>
      </c>
      <c r="G93" s="39" t="s">
        <v>412</v>
      </c>
      <c r="H93" s="40" t="s">
        <v>415</v>
      </c>
    </row>
    <row r="94" spans="1:50" ht="109.5" customHeight="1">
      <c r="A94" s="41"/>
      <c r="B94" s="42" t="s">
        <v>89</v>
      </c>
      <c r="C94" s="43" t="s">
        <v>292</v>
      </c>
      <c r="D94" s="44" t="s">
        <v>91</v>
      </c>
      <c r="E94" s="43" t="s">
        <v>411</v>
      </c>
      <c r="F94" s="91" t="s">
        <v>104</v>
      </c>
      <c r="G94" s="43" t="s">
        <v>413</v>
      </c>
      <c r="H94" s="91" t="s">
        <v>104</v>
      </c>
    </row>
    <row r="95" spans="1:50">
      <c r="A95" s="45" t="s">
        <v>436</v>
      </c>
      <c r="B95" s="77">
        <v>8473</v>
      </c>
      <c r="C95" s="78">
        <v>70.806989823608035</v>
      </c>
      <c r="D95" s="79">
        <v>0.51492840677209151</v>
      </c>
      <c r="E95" s="292">
        <v>0.24759942993317427</v>
      </c>
      <c r="F95" s="293">
        <v>9.3773112832664183E-3</v>
      </c>
      <c r="G95" s="292">
        <v>0.48110213296680271</v>
      </c>
      <c r="H95" s="293">
        <v>1.0853474272107861E-2</v>
      </c>
    </row>
    <row r="96" spans="1:50">
      <c r="A96" s="49" t="s">
        <v>437</v>
      </c>
      <c r="B96" s="80">
        <v>7880</v>
      </c>
      <c r="C96" s="81">
        <v>70.44400108077626</v>
      </c>
      <c r="D96" s="82">
        <v>0.54099223729664803</v>
      </c>
      <c r="E96" s="295">
        <v>0.2534547164679693</v>
      </c>
      <c r="F96" s="296">
        <v>9.7995404287269244E-3</v>
      </c>
      <c r="G96" s="295">
        <v>0.47528367173406427</v>
      </c>
      <c r="H96" s="296">
        <v>1.1248535004562479E-2</v>
      </c>
    </row>
    <row r="97" spans="1:8" s="5" customFormat="1">
      <c r="A97" s="45" t="s">
        <v>438</v>
      </c>
      <c r="B97" s="77">
        <v>761</v>
      </c>
      <c r="C97" s="78">
        <v>65.640626999999995</v>
      </c>
      <c r="D97" s="79">
        <v>1.7664499999999999</v>
      </c>
      <c r="E97" s="291">
        <v>0.318</v>
      </c>
      <c r="F97" s="298">
        <v>3.3701611773795291E-2</v>
      </c>
      <c r="G97" s="291">
        <v>0.373</v>
      </c>
      <c r="H97" s="298">
        <v>3.498191714501106E-2</v>
      </c>
    </row>
    <row r="98" spans="1:8" s="5" customFormat="1">
      <c r="A98" s="49" t="s">
        <v>439</v>
      </c>
      <c r="B98" s="80">
        <v>3244</v>
      </c>
      <c r="C98" s="81">
        <v>71.847520083999072</v>
      </c>
      <c r="D98" s="82">
        <v>0.80827264457308301</v>
      </c>
      <c r="E98" s="295">
        <v>0.23150559205724813</v>
      </c>
      <c r="F98" s="296">
        <v>1.4809471543650424E-2</v>
      </c>
      <c r="G98" s="295">
        <v>0.5001300563068678</v>
      </c>
      <c r="H98" s="296">
        <v>1.7546559566463438E-2</v>
      </c>
    </row>
    <row r="99" spans="1:8" s="5" customFormat="1">
      <c r="A99" s="45" t="s">
        <v>440</v>
      </c>
      <c r="B99" s="77">
        <v>3013</v>
      </c>
      <c r="C99" s="78">
        <v>71.896342000000004</v>
      </c>
      <c r="D99" s="79">
        <v>0.80696336000000002</v>
      </c>
      <c r="E99" s="291">
        <v>0.22900000000000001</v>
      </c>
      <c r="F99" s="298">
        <v>1.5308283162324424E-2</v>
      </c>
      <c r="G99" s="291">
        <v>0.502</v>
      </c>
      <c r="H99" s="298">
        <v>1.8205762785647506E-2</v>
      </c>
    </row>
    <row r="100" spans="1:8" s="5" customFormat="1">
      <c r="A100" s="49" t="s">
        <v>455</v>
      </c>
      <c r="B100" s="80">
        <v>521</v>
      </c>
      <c r="C100" s="81">
        <v>71.990476886418904</v>
      </c>
      <c r="D100" s="82">
        <v>2.1205142016123828</v>
      </c>
      <c r="E100" s="295">
        <v>0.1940971270168653</v>
      </c>
      <c r="F100" s="296">
        <v>3.4678817889687324E-2</v>
      </c>
      <c r="G100" s="295">
        <v>0.51866389970390736</v>
      </c>
      <c r="H100" s="296">
        <v>4.3613623619216793E-2</v>
      </c>
    </row>
    <row r="101" spans="1:8" s="5" customFormat="1">
      <c r="A101" s="45" t="s">
        <v>441</v>
      </c>
      <c r="B101" s="77">
        <v>106</v>
      </c>
      <c r="C101" s="78">
        <v>70.528562904618909</v>
      </c>
      <c r="D101" s="79">
        <v>5.600313378067125</v>
      </c>
      <c r="E101" s="291">
        <v>0.18590952171322123</v>
      </c>
      <c r="F101" s="298">
        <v>7.5892620936224925E-2</v>
      </c>
      <c r="G101" s="291">
        <v>0.57993105649162813</v>
      </c>
      <c r="H101" s="298">
        <v>9.420813140309614E-2</v>
      </c>
    </row>
    <row r="102" spans="1:8" s="5" customFormat="1">
      <c r="A102" s="49" t="s">
        <v>442</v>
      </c>
      <c r="B102" s="80">
        <v>162</v>
      </c>
      <c r="C102" s="81">
        <v>72.900412739097987</v>
      </c>
      <c r="D102" s="82">
        <v>3.551995511168379</v>
      </c>
      <c r="E102" s="295">
        <v>0.19124119109233248</v>
      </c>
      <c r="F102" s="296">
        <v>6.1937970934034366E-2</v>
      </c>
      <c r="G102" s="295">
        <v>0.53338925831537853</v>
      </c>
      <c r="H102" s="296">
        <v>7.7450059690948592E-2</v>
      </c>
    </row>
    <row r="103" spans="1:8" s="5" customFormat="1">
      <c r="A103" s="45" t="s">
        <v>443</v>
      </c>
      <c r="B103" s="77">
        <v>122</v>
      </c>
      <c r="C103" s="78">
        <v>69.498854111680174</v>
      </c>
      <c r="D103" s="79">
        <v>4.7645531195762247</v>
      </c>
      <c r="E103" s="291">
        <v>0.2731767075483108</v>
      </c>
      <c r="F103" s="298">
        <v>8.0032916682421615E-2</v>
      </c>
      <c r="G103" s="291">
        <v>0.49868954996039655</v>
      </c>
      <c r="H103" s="298">
        <v>8.9086793780819684E-2</v>
      </c>
    </row>
    <row r="104" spans="1:8" s="5" customFormat="1">
      <c r="A104" s="49" t="s">
        <v>444</v>
      </c>
      <c r="B104" s="80">
        <v>131</v>
      </c>
      <c r="C104" s="81">
        <v>73.353695828448409</v>
      </c>
      <c r="D104" s="82">
        <v>3.785309222054007</v>
      </c>
      <c r="E104" s="295">
        <v>0.15299300108209857</v>
      </c>
      <c r="F104" s="296">
        <v>6.3622978742955832E-2</v>
      </c>
      <c r="G104" s="295">
        <v>0.48199809215853356</v>
      </c>
      <c r="H104" s="296">
        <v>8.6013754434905054E-2</v>
      </c>
    </row>
    <row r="105" spans="1:8" s="5" customFormat="1">
      <c r="A105" s="45" t="s">
        <v>456</v>
      </c>
      <c r="B105" s="77">
        <v>478</v>
      </c>
      <c r="C105" s="78">
        <v>72.222224390917276</v>
      </c>
      <c r="D105" s="79">
        <v>2.1364786499090509</v>
      </c>
      <c r="E105" s="292">
        <v>0.2090763049179192</v>
      </c>
      <c r="F105" s="293">
        <v>3.7201072081048975E-2</v>
      </c>
      <c r="G105" s="292">
        <v>0.48698791950010162</v>
      </c>
      <c r="H105" s="293">
        <v>4.5533580175654925E-2</v>
      </c>
    </row>
    <row r="106" spans="1:8" s="5" customFormat="1" ht="24" customHeight="1">
      <c r="A106" s="49" t="s">
        <v>445</v>
      </c>
      <c r="B106" s="80">
        <v>155</v>
      </c>
      <c r="C106" s="81">
        <v>70.566268745552946</v>
      </c>
      <c r="D106" s="82">
        <v>3.7414015951178499</v>
      </c>
      <c r="E106" s="295">
        <v>0.2598131367867661</v>
      </c>
      <c r="F106" s="296">
        <v>7.0072090027824704E-2</v>
      </c>
      <c r="G106" s="295">
        <v>0.48117198904509068</v>
      </c>
      <c r="H106" s="296">
        <v>7.9251707570436702E-2</v>
      </c>
    </row>
    <row r="107" spans="1:8">
      <c r="A107" s="45" t="s">
        <v>446</v>
      </c>
      <c r="B107" s="83">
        <v>106</v>
      </c>
      <c r="C107" s="84">
        <v>76.892448877945668</v>
      </c>
      <c r="D107" s="85">
        <v>3.2385325531188309</v>
      </c>
      <c r="E107" s="291">
        <v>0.11963992175573383</v>
      </c>
      <c r="F107" s="298">
        <v>6.4851336794805411E-2</v>
      </c>
      <c r="G107" s="291">
        <v>0.48049413676129749</v>
      </c>
      <c r="H107" s="298">
        <v>9.5278861409350935E-2</v>
      </c>
    </row>
    <row r="108" spans="1:8">
      <c r="A108" s="49" t="s">
        <v>447</v>
      </c>
      <c r="B108" s="80">
        <v>89</v>
      </c>
      <c r="C108" s="81">
        <v>70.88246486713804</v>
      </c>
      <c r="D108" s="82">
        <v>5.3033404157748603</v>
      </c>
      <c r="E108" s="295">
        <v>0.19275739001697578</v>
      </c>
      <c r="F108" s="296">
        <v>8.387076829893779E-2</v>
      </c>
      <c r="G108" s="295">
        <v>0.47349388650606966</v>
      </c>
      <c r="H108" s="296">
        <v>0.10356164082393528</v>
      </c>
    </row>
    <row r="109" spans="1:8">
      <c r="A109" s="57" t="s">
        <v>448</v>
      </c>
      <c r="B109" s="77">
        <v>128</v>
      </c>
      <c r="C109" s="78">
        <v>69.701386821785349</v>
      </c>
      <c r="D109" s="79">
        <v>5.0722919729486806</v>
      </c>
      <c r="E109" s="292">
        <v>0.27668238079162066</v>
      </c>
      <c r="F109" s="293">
        <v>7.8452053721456361E-2</v>
      </c>
      <c r="G109" s="292">
        <v>0.52263443769142193</v>
      </c>
      <c r="H109" s="293">
        <v>8.6954927604335319E-2</v>
      </c>
    </row>
    <row r="110" spans="1:8">
      <c r="A110" s="49" t="s">
        <v>457</v>
      </c>
      <c r="B110" s="80">
        <v>648</v>
      </c>
      <c r="C110" s="81">
        <v>71.390274942594701</v>
      </c>
      <c r="D110" s="82">
        <v>1.687530876626872</v>
      </c>
      <c r="E110" s="295">
        <v>0.24114211816889461</v>
      </c>
      <c r="F110" s="296">
        <v>3.3580984588142654E-2</v>
      </c>
      <c r="G110" s="295">
        <v>0.48242840444758145</v>
      </c>
      <c r="H110" s="296">
        <v>3.9139127010055307E-2</v>
      </c>
    </row>
    <row r="111" spans="1:8">
      <c r="A111" s="57" t="s">
        <v>449</v>
      </c>
      <c r="B111" s="77">
        <v>121</v>
      </c>
      <c r="C111" s="78">
        <v>67.328711961296904</v>
      </c>
      <c r="D111" s="79">
        <v>4.8213803796577146</v>
      </c>
      <c r="E111" s="292">
        <v>0.32242673358161611</v>
      </c>
      <c r="F111" s="293">
        <v>8.3991144480027383E-2</v>
      </c>
      <c r="G111" s="292">
        <v>0.48071938172022388</v>
      </c>
      <c r="H111" s="293">
        <v>8.9380385964373116E-2</v>
      </c>
    </row>
    <row r="112" spans="1:8">
      <c r="A112" s="49" t="s">
        <v>450</v>
      </c>
      <c r="B112" s="80">
        <v>96</v>
      </c>
      <c r="C112" s="81">
        <v>73.254383945815036</v>
      </c>
      <c r="D112" s="82">
        <v>3.6745000936582599</v>
      </c>
      <c r="E112" s="295">
        <v>0.17694932706294994</v>
      </c>
      <c r="F112" s="296">
        <v>7.8439842661257156E-2</v>
      </c>
      <c r="G112" s="295">
        <v>0.46545483789936642</v>
      </c>
      <c r="H112" s="296">
        <v>9.9779795919664294E-2</v>
      </c>
    </row>
    <row r="113" spans="1:23" ht="25.5">
      <c r="A113" s="57" t="s">
        <v>451</v>
      </c>
      <c r="B113" s="77">
        <v>163</v>
      </c>
      <c r="C113" s="78">
        <v>72.593168224662605</v>
      </c>
      <c r="D113" s="79">
        <v>3.4508047139843145</v>
      </c>
      <c r="E113" s="292">
        <v>0.21541894765220088</v>
      </c>
      <c r="F113" s="293">
        <v>6.4343157375748861E-2</v>
      </c>
      <c r="G113" s="292">
        <v>0.54401292714313609</v>
      </c>
      <c r="H113" s="293">
        <v>7.7096183479402489E-2</v>
      </c>
    </row>
    <row r="114" spans="1:23">
      <c r="A114" s="49" t="s">
        <v>452</v>
      </c>
      <c r="B114" s="80">
        <v>74</v>
      </c>
      <c r="C114" s="81">
        <v>74.472242476441465</v>
      </c>
      <c r="D114" s="82">
        <v>4.8557751621177916</v>
      </c>
      <c r="E114" s="295">
        <v>0.16167428993060673</v>
      </c>
      <c r="F114" s="296">
        <v>8.6816817737811594E-2</v>
      </c>
      <c r="G114" s="295">
        <v>0.52823960063242481</v>
      </c>
      <c r="H114" s="296">
        <v>0.11306504141978831</v>
      </c>
    </row>
    <row r="115" spans="1:23">
      <c r="A115" s="57" t="s">
        <v>453</v>
      </c>
      <c r="B115" s="77">
        <v>78</v>
      </c>
      <c r="C115" s="78">
        <v>73.21013787208669</v>
      </c>
      <c r="D115" s="79">
        <v>4.7313146676405742</v>
      </c>
      <c r="E115" s="292">
        <v>0.21066967203837494</v>
      </c>
      <c r="F115" s="293">
        <v>9.2196977273473688E-2</v>
      </c>
      <c r="G115" s="292">
        <v>0.52014692751708846</v>
      </c>
      <c r="H115" s="293">
        <v>0.11035038106692538</v>
      </c>
    </row>
    <row r="116" spans="1:23">
      <c r="A116" s="49" t="s">
        <v>454</v>
      </c>
      <c r="B116" s="80">
        <v>116</v>
      </c>
      <c r="C116" s="81">
        <v>68.955302884683206</v>
      </c>
      <c r="D116" s="82">
        <v>3.7770677430922284</v>
      </c>
      <c r="E116" s="295">
        <v>0.31388004834197269</v>
      </c>
      <c r="F116" s="296">
        <v>8.5172423111230383E-2</v>
      </c>
      <c r="G116" s="295">
        <v>0.39522848059417981</v>
      </c>
      <c r="H116" s="296">
        <v>8.9394730778243239E-2</v>
      </c>
    </row>
    <row r="117" spans="1:23" s="5" customFormat="1"/>
    <row r="119" spans="1:23" s="5" customFormat="1" ht="18.75">
      <c r="A119" s="322" t="s">
        <v>248</v>
      </c>
      <c r="B119" s="322"/>
      <c r="C119" s="322"/>
      <c r="D119" s="322"/>
      <c r="E119" s="322"/>
      <c r="F119" s="322"/>
      <c r="G119" s="322"/>
      <c r="H119" s="322"/>
      <c r="I119" s="322"/>
      <c r="J119" s="322"/>
      <c r="K119" s="322"/>
      <c r="L119" s="322"/>
      <c r="M119" s="322"/>
      <c r="N119" s="322"/>
      <c r="O119" s="322"/>
      <c r="P119" s="322"/>
      <c r="Q119" s="322"/>
      <c r="R119" s="322"/>
      <c r="S119" s="322"/>
      <c r="T119" s="322"/>
      <c r="U119" s="322"/>
      <c r="V119" s="322"/>
      <c r="W119" s="228"/>
    </row>
    <row r="120" spans="1:23" s="5" customFormat="1" ht="69.75" customHeight="1">
      <c r="A120" s="320" t="s">
        <v>288</v>
      </c>
      <c r="B120" s="320"/>
      <c r="C120" s="320"/>
      <c r="D120" s="320"/>
      <c r="E120" s="320"/>
      <c r="F120" s="320"/>
      <c r="G120" s="320"/>
      <c r="H120" s="320"/>
      <c r="I120" s="320"/>
      <c r="J120" s="320"/>
      <c r="K120" s="320"/>
      <c r="L120" s="320"/>
      <c r="M120" s="320"/>
      <c r="N120" s="320"/>
      <c r="O120" s="320"/>
      <c r="P120" s="320"/>
      <c r="Q120" s="320"/>
      <c r="R120" s="320"/>
      <c r="S120" s="320"/>
      <c r="T120" s="320"/>
      <c r="U120" s="320"/>
      <c r="V120" s="320"/>
    </row>
    <row r="121" spans="1:23" s="5" customFormat="1" ht="48.75" customHeight="1">
      <c r="A121" s="64" t="s">
        <v>287</v>
      </c>
      <c r="B121" s="323" t="s">
        <v>251</v>
      </c>
      <c r="C121" s="324"/>
      <c r="D121" s="324"/>
      <c r="E121" s="324"/>
      <c r="F121" s="324"/>
      <c r="G121" s="324"/>
      <c r="H121" s="325"/>
      <c r="I121" s="312" t="s">
        <v>250</v>
      </c>
      <c r="J121" s="313"/>
      <c r="K121" s="313"/>
      <c r="L121" s="313"/>
      <c r="M121" s="313"/>
      <c r="N121" s="313"/>
      <c r="O121" s="314"/>
      <c r="P121" s="312" t="s">
        <v>249</v>
      </c>
      <c r="Q121" s="313"/>
      <c r="R121" s="313"/>
      <c r="S121" s="313"/>
      <c r="T121" s="313"/>
      <c r="U121" s="313"/>
      <c r="V121" s="314"/>
    </row>
    <row r="122" spans="1:23" s="5" customFormat="1" ht="43.5" customHeight="1">
      <c r="A122" s="37" t="s">
        <v>85</v>
      </c>
      <c r="B122" s="65" t="s">
        <v>86</v>
      </c>
      <c r="C122" s="66" t="s">
        <v>87</v>
      </c>
      <c r="D122" s="67" t="s">
        <v>88</v>
      </c>
      <c r="E122" s="66" t="s">
        <v>410</v>
      </c>
      <c r="F122" s="67" t="s">
        <v>414</v>
      </c>
      <c r="G122" s="66" t="s">
        <v>412</v>
      </c>
      <c r="H122" s="67" t="s">
        <v>415</v>
      </c>
      <c r="I122" s="38" t="s">
        <v>86</v>
      </c>
      <c r="J122" s="39" t="s">
        <v>87</v>
      </c>
      <c r="K122" s="40" t="s">
        <v>88</v>
      </c>
      <c r="L122" s="38" t="s">
        <v>410</v>
      </c>
      <c r="M122" s="40" t="s">
        <v>414</v>
      </c>
      <c r="N122" s="39" t="s">
        <v>412</v>
      </c>
      <c r="O122" s="40" t="s">
        <v>414</v>
      </c>
      <c r="P122" s="65" t="s">
        <v>86</v>
      </c>
      <c r="Q122" s="66" t="s">
        <v>87</v>
      </c>
      <c r="R122" s="67" t="s">
        <v>88</v>
      </c>
      <c r="S122" s="65" t="s">
        <v>410</v>
      </c>
      <c r="T122" s="67" t="s">
        <v>414</v>
      </c>
      <c r="U122" s="66" t="s">
        <v>412</v>
      </c>
      <c r="V122" s="67" t="s">
        <v>414</v>
      </c>
    </row>
    <row r="123" spans="1:23" s="5" customFormat="1" ht="102" customHeight="1">
      <c r="A123" s="41"/>
      <c r="B123" s="68" t="s">
        <v>89</v>
      </c>
      <c r="C123" s="69" t="s">
        <v>291</v>
      </c>
      <c r="D123" s="70" t="s">
        <v>91</v>
      </c>
      <c r="E123" s="69" t="s">
        <v>411</v>
      </c>
      <c r="F123" s="70" t="s">
        <v>104</v>
      </c>
      <c r="G123" s="69" t="s">
        <v>413</v>
      </c>
      <c r="H123" s="70" t="s">
        <v>104</v>
      </c>
      <c r="I123" s="42" t="s">
        <v>89</v>
      </c>
      <c r="J123" s="43" t="s">
        <v>291</v>
      </c>
      <c r="K123" s="44" t="s">
        <v>91</v>
      </c>
      <c r="L123" s="42" t="s">
        <v>411</v>
      </c>
      <c r="M123" s="44" t="s">
        <v>104</v>
      </c>
      <c r="N123" s="128" t="s">
        <v>413</v>
      </c>
      <c r="O123" s="44" t="s">
        <v>104</v>
      </c>
      <c r="P123" s="68" t="s">
        <v>89</v>
      </c>
      <c r="Q123" s="69" t="s">
        <v>291</v>
      </c>
      <c r="R123" s="70" t="s">
        <v>91</v>
      </c>
      <c r="S123" s="68" t="s">
        <v>411</v>
      </c>
      <c r="T123" s="70" t="s">
        <v>104</v>
      </c>
      <c r="U123" s="273" t="s">
        <v>413</v>
      </c>
      <c r="V123" s="70" t="s">
        <v>104</v>
      </c>
    </row>
    <row r="124" spans="1:23" s="5" customFormat="1">
      <c r="A124" s="45" t="s">
        <v>436</v>
      </c>
      <c r="B124" s="71">
        <v>8491</v>
      </c>
      <c r="C124" s="72">
        <v>70.399518061868122</v>
      </c>
      <c r="D124" s="73">
        <v>0.53619615294243306</v>
      </c>
      <c r="E124" s="292">
        <v>0.23131496043345545</v>
      </c>
      <c r="F124" s="293">
        <v>9.1518179047843772E-3</v>
      </c>
      <c r="G124" s="292">
        <v>0.52110929631772962</v>
      </c>
      <c r="H124" s="293">
        <v>1.0840049934782769E-2</v>
      </c>
      <c r="I124" s="71">
        <v>8447</v>
      </c>
      <c r="J124" s="72">
        <v>70.267714083041696</v>
      </c>
      <c r="K124" s="73">
        <v>0.54635054899507263</v>
      </c>
      <c r="L124" s="292">
        <v>0.23848285544073899</v>
      </c>
      <c r="M124" s="293">
        <v>9.2730317625122349E-3</v>
      </c>
      <c r="N124" s="292">
        <v>0.5209637394983605</v>
      </c>
      <c r="O124" s="293">
        <v>1.0868365847424845E-2</v>
      </c>
      <c r="P124" s="71">
        <v>8449</v>
      </c>
      <c r="Q124" s="72">
        <v>71.782701149499644</v>
      </c>
      <c r="R124" s="73">
        <v>0.51698625336236859</v>
      </c>
      <c r="S124" s="292">
        <v>0.21020487256578041</v>
      </c>
      <c r="T124" s="293">
        <v>8.8655785948457411E-3</v>
      </c>
      <c r="U124" s="292">
        <v>0.54192800040856171</v>
      </c>
      <c r="V124" s="293">
        <v>1.0838362800324712E-2</v>
      </c>
    </row>
    <row r="125" spans="1:23" s="5" customFormat="1">
      <c r="A125" s="49" t="s">
        <v>437</v>
      </c>
      <c r="B125" s="74">
        <v>7899</v>
      </c>
      <c r="C125" s="75">
        <v>70.109020340270575</v>
      </c>
      <c r="D125" s="76">
        <v>0.56379391387449007</v>
      </c>
      <c r="E125" s="295">
        <v>0.23730527320594852</v>
      </c>
      <c r="F125" s="296">
        <v>9.572973216217074E-3</v>
      </c>
      <c r="G125" s="295">
        <v>0.51697043221518157</v>
      </c>
      <c r="H125" s="296">
        <v>1.1242268891900664E-2</v>
      </c>
      <c r="I125" s="74">
        <v>7856</v>
      </c>
      <c r="J125" s="75">
        <v>69.853980047782386</v>
      </c>
      <c r="K125" s="76">
        <v>0.5736991540951295</v>
      </c>
      <c r="L125" s="295">
        <v>0.24633941657954586</v>
      </c>
      <c r="M125" s="296">
        <v>9.7218774696788239E-3</v>
      </c>
      <c r="N125" s="295">
        <v>0.51553270193559531</v>
      </c>
      <c r="O125" s="296">
        <v>1.1274032417767699E-2</v>
      </c>
      <c r="P125" s="74">
        <v>7858</v>
      </c>
      <c r="Q125" s="75">
        <v>71.430504759033482</v>
      </c>
      <c r="R125" s="76">
        <v>0.54212618708031313</v>
      </c>
      <c r="S125" s="295">
        <v>0.21649141056625604</v>
      </c>
      <c r="T125" s="296">
        <v>9.292024433555382E-3</v>
      </c>
      <c r="U125" s="295">
        <v>0.5358577691871782</v>
      </c>
      <c r="V125" s="296">
        <v>1.124902615202634E-2</v>
      </c>
    </row>
    <row r="126" spans="1:23" s="5" customFormat="1">
      <c r="A126" s="45" t="s">
        <v>438</v>
      </c>
      <c r="B126" s="54">
        <v>761</v>
      </c>
      <c r="C126" s="55">
        <v>65.900000000000006</v>
      </c>
      <c r="D126" s="56">
        <v>1.8228</v>
      </c>
      <c r="E126" s="291">
        <v>0.28799999999999998</v>
      </c>
      <c r="F126" s="298">
        <v>3.2781692152615984E-2</v>
      </c>
      <c r="G126" s="291">
        <v>0.436</v>
      </c>
      <c r="H126" s="298">
        <v>3.5860785435346959E-2</v>
      </c>
      <c r="I126" s="54">
        <v>759</v>
      </c>
      <c r="J126" s="55">
        <v>64.900000000000006</v>
      </c>
      <c r="K126" s="56">
        <v>1.8815999999999999</v>
      </c>
      <c r="L126" s="291">
        <v>0.30599999999999999</v>
      </c>
      <c r="M126" s="298">
        <v>3.3397214344617086E-2</v>
      </c>
      <c r="N126" s="291">
        <v>0.42499999999999999</v>
      </c>
      <c r="O126" s="298">
        <v>3.5797143850661794E-2</v>
      </c>
      <c r="P126" s="54">
        <v>759</v>
      </c>
      <c r="Q126" s="55">
        <v>66.23</v>
      </c>
      <c r="R126" s="56">
        <v>1.8032000000000001</v>
      </c>
      <c r="S126" s="291">
        <v>0.27200000000000002</v>
      </c>
      <c r="T126" s="298">
        <v>3.2263627358025342E-2</v>
      </c>
      <c r="U126" s="291">
        <v>0.435</v>
      </c>
      <c r="V126" s="298">
        <v>3.5898442940051165E-2</v>
      </c>
    </row>
    <row r="127" spans="1:23" s="5" customFormat="1">
      <c r="A127" s="49" t="s">
        <v>439</v>
      </c>
      <c r="B127" s="74">
        <v>3250</v>
      </c>
      <c r="C127" s="75">
        <v>71.57630384697535</v>
      </c>
      <c r="D127" s="76">
        <v>0.83313230062608157</v>
      </c>
      <c r="E127" s="295">
        <v>0.21401092806737537</v>
      </c>
      <c r="F127" s="296">
        <v>1.4388208323179131E-2</v>
      </c>
      <c r="G127" s="295">
        <v>0.53912121715835637</v>
      </c>
      <c r="H127" s="296">
        <v>1.7476766234105393E-2</v>
      </c>
      <c r="I127" s="74">
        <v>3236</v>
      </c>
      <c r="J127" s="75">
        <v>71.081516876039757</v>
      </c>
      <c r="K127" s="76">
        <v>0.8574255160238009</v>
      </c>
      <c r="L127" s="295">
        <v>0.22438564559237165</v>
      </c>
      <c r="M127" s="296">
        <v>1.4666000637229714E-2</v>
      </c>
      <c r="N127" s="295">
        <v>0.53208995002381232</v>
      </c>
      <c r="O127" s="296">
        <v>1.7532079104812949E-2</v>
      </c>
      <c r="P127" s="74">
        <v>3233</v>
      </c>
      <c r="Q127" s="75">
        <v>72.794677252475253</v>
      </c>
      <c r="R127" s="76">
        <v>0.81375152160212383</v>
      </c>
      <c r="S127" s="295">
        <v>0.19985636824324829</v>
      </c>
      <c r="T127" s="296">
        <v>1.4067066684662524E-2</v>
      </c>
      <c r="U127" s="295">
        <v>0.57114716402691579</v>
      </c>
      <c r="V127" s="296">
        <v>1.7397942256865511E-2</v>
      </c>
    </row>
    <row r="128" spans="1:23" s="5" customFormat="1">
      <c r="A128" s="45" t="s">
        <v>440</v>
      </c>
      <c r="B128" s="54">
        <v>3019</v>
      </c>
      <c r="C128" s="55">
        <v>71.62</v>
      </c>
      <c r="D128" s="56">
        <v>0.82319999999999993</v>
      </c>
      <c r="E128" s="291">
        <v>0.21199999999999999</v>
      </c>
      <c r="F128" s="298">
        <v>1.4877395328013777E-2</v>
      </c>
      <c r="G128" s="291">
        <v>0.53800000000000003</v>
      </c>
      <c r="H128" s="298">
        <v>1.8135368471620873E-2</v>
      </c>
      <c r="I128" s="54">
        <v>3005</v>
      </c>
      <c r="J128" s="55">
        <v>71.2</v>
      </c>
      <c r="K128" s="56">
        <v>0.86239999999999994</v>
      </c>
      <c r="L128" s="291">
        <v>0.222</v>
      </c>
      <c r="M128" s="298">
        <v>1.5161535775109331E-2</v>
      </c>
      <c r="N128" s="291">
        <v>0.52900000000000003</v>
      </c>
      <c r="O128" s="298">
        <v>1.8199486678221466E-2</v>
      </c>
      <c r="P128" s="54">
        <v>3003</v>
      </c>
      <c r="Q128" s="55">
        <v>72.77</v>
      </c>
      <c r="R128" s="56">
        <v>0.80359999999999998</v>
      </c>
      <c r="S128" s="291">
        <v>0.19800000000000001</v>
      </c>
      <c r="T128" s="298">
        <v>1.4545022386889385E-2</v>
      </c>
      <c r="U128" s="291">
        <v>0.57199999999999995</v>
      </c>
      <c r="V128" s="298">
        <v>1.8046600529822838E-2</v>
      </c>
    </row>
    <row r="129" spans="1:22" s="5" customFormat="1">
      <c r="A129" s="49" t="s">
        <v>455</v>
      </c>
      <c r="B129" s="74">
        <v>522</v>
      </c>
      <c r="C129" s="75">
        <v>71.513417341380119</v>
      </c>
      <c r="D129" s="76">
        <v>2.1926135614924753</v>
      </c>
      <c r="E129" s="295">
        <v>0.19276139854345864</v>
      </c>
      <c r="F129" s="296">
        <v>3.4556908134770747E-2</v>
      </c>
      <c r="G129" s="295">
        <v>0.55912006842283835</v>
      </c>
      <c r="H129" s="296">
        <v>4.3300855202306046E-2</v>
      </c>
      <c r="I129" s="74">
        <v>520</v>
      </c>
      <c r="J129" s="75">
        <v>70.20505710732175</v>
      </c>
      <c r="K129" s="76">
        <v>2.2407839952305295</v>
      </c>
      <c r="L129" s="295">
        <v>0.2110892484196093</v>
      </c>
      <c r="M129" s="296">
        <v>3.5789893243255794E-2</v>
      </c>
      <c r="N129" s="295">
        <v>0.52549590027414972</v>
      </c>
      <c r="O129" s="296">
        <v>4.3629236422771375E-2</v>
      </c>
      <c r="P129" s="74">
        <v>520</v>
      </c>
      <c r="Q129" s="75">
        <v>74.102107959824707</v>
      </c>
      <c r="R129" s="76">
        <v>2.1236661495913447</v>
      </c>
      <c r="S129" s="295">
        <v>0.15794367115699959</v>
      </c>
      <c r="T129" s="296">
        <v>3.2075405927165686E-2</v>
      </c>
      <c r="U129" s="295">
        <v>0.61899545061464689</v>
      </c>
      <c r="V129" s="296">
        <v>4.2449380681705368E-2</v>
      </c>
    </row>
    <row r="130" spans="1:22" s="5" customFormat="1">
      <c r="A130" s="45" t="s">
        <v>441</v>
      </c>
      <c r="B130" s="54">
        <v>106</v>
      </c>
      <c r="C130" s="55">
        <v>70.747053246238622</v>
      </c>
      <c r="D130" s="56">
        <v>5.6667509503700293</v>
      </c>
      <c r="E130" s="291">
        <v>0.17680828424872855</v>
      </c>
      <c r="F130" s="298">
        <v>7.459114468919946E-2</v>
      </c>
      <c r="G130" s="291">
        <v>0.5985881107796811</v>
      </c>
      <c r="H130" s="298">
        <v>9.3609326101478041E-2</v>
      </c>
      <c r="I130" s="54">
        <v>105</v>
      </c>
      <c r="J130" s="55">
        <v>68.92263146313492</v>
      </c>
      <c r="K130" s="56">
        <v>6.1023450516719233</v>
      </c>
      <c r="L130" s="291">
        <v>0.18810883201674583</v>
      </c>
      <c r="M130" s="298">
        <v>7.6562004398364303E-2</v>
      </c>
      <c r="N130" s="291">
        <v>0.54304244869022689</v>
      </c>
      <c r="O130" s="298">
        <v>9.5452726596993928E-2</v>
      </c>
      <c r="P130" s="54">
        <v>106</v>
      </c>
      <c r="Q130" s="55">
        <v>71.015271129732071</v>
      </c>
      <c r="R130" s="56">
        <v>5.4729587284344055</v>
      </c>
      <c r="S130" s="291">
        <v>0.1854188736535459</v>
      </c>
      <c r="T130" s="298">
        <v>7.5823968725780844E-2</v>
      </c>
      <c r="U130" s="291">
        <v>0.62095635783868974</v>
      </c>
      <c r="V130" s="298">
        <v>9.271937043826034E-2</v>
      </c>
    </row>
    <row r="131" spans="1:22" s="5" customFormat="1">
      <c r="A131" s="49" t="s">
        <v>442</v>
      </c>
      <c r="B131" s="74">
        <v>162</v>
      </c>
      <c r="C131" s="75">
        <v>72.560323026196173</v>
      </c>
      <c r="D131" s="76">
        <v>3.7488124190074923</v>
      </c>
      <c r="E131" s="295">
        <v>0.18845123878220343</v>
      </c>
      <c r="F131" s="296">
        <v>6.1616522679261647E-2</v>
      </c>
      <c r="G131" s="295">
        <v>0.5479964690467487</v>
      </c>
      <c r="H131" s="296">
        <v>7.7273730504153496E-2</v>
      </c>
      <c r="I131" s="74">
        <v>162</v>
      </c>
      <c r="J131" s="75">
        <v>70.861984489457086</v>
      </c>
      <c r="K131" s="76">
        <v>3.7273342046225832</v>
      </c>
      <c r="L131" s="295">
        <v>0.22820818317180003</v>
      </c>
      <c r="M131" s="296">
        <v>6.5793828112281391E-2</v>
      </c>
      <c r="N131" s="295">
        <v>0.536235266634431</v>
      </c>
      <c r="O131" s="296">
        <v>7.7420697074916278E-2</v>
      </c>
      <c r="P131" s="74">
        <v>162</v>
      </c>
      <c r="Q131" s="75">
        <v>75.278930857901727</v>
      </c>
      <c r="R131" s="76">
        <v>3.648559400227005</v>
      </c>
      <c r="S131" s="295">
        <v>0.16755325473375629</v>
      </c>
      <c r="T131" s="296">
        <v>5.9057108296389375E-2</v>
      </c>
      <c r="U131" s="295">
        <v>0.62600853877587825</v>
      </c>
      <c r="V131" s="296">
        <v>7.5231024244649586E-2</v>
      </c>
    </row>
    <row r="132" spans="1:22" s="5" customFormat="1">
      <c r="A132" s="45" t="s">
        <v>443</v>
      </c>
      <c r="B132" s="54">
        <v>123</v>
      </c>
      <c r="C132" s="55">
        <v>69.681006584226793</v>
      </c>
      <c r="D132" s="56">
        <v>4.8786407606842648</v>
      </c>
      <c r="E132" s="291">
        <v>0.23956155547577923</v>
      </c>
      <c r="F132" s="298">
        <v>7.6616885619491468E-2</v>
      </c>
      <c r="G132" s="291">
        <v>0.59944048427998842</v>
      </c>
      <c r="H132" s="298">
        <v>8.7073988400486288E-2</v>
      </c>
      <c r="I132" s="54">
        <v>122</v>
      </c>
      <c r="J132" s="55">
        <v>67.705387380825911</v>
      </c>
      <c r="K132" s="56">
        <v>4.8988174106503424</v>
      </c>
      <c r="L132" s="291">
        <v>0.26694972091220487</v>
      </c>
      <c r="M132" s="298">
        <v>7.9498675080006423E-2</v>
      </c>
      <c r="N132" s="291">
        <v>0.49913153337491339</v>
      </c>
      <c r="O132" s="298">
        <v>8.9086954649275754E-2</v>
      </c>
      <c r="P132" s="54">
        <v>121</v>
      </c>
      <c r="Q132" s="55">
        <v>71.011526598586812</v>
      </c>
      <c r="R132" s="56">
        <v>4.808650575747583</v>
      </c>
      <c r="S132" s="291">
        <v>0.2339084247609558</v>
      </c>
      <c r="T132" s="298">
        <v>7.6661181214463733E-2</v>
      </c>
      <c r="U132" s="291">
        <v>0.61343170981496586</v>
      </c>
      <c r="V132" s="298">
        <v>8.7259345646366851E-2</v>
      </c>
    </row>
    <row r="133" spans="1:22" s="5" customFormat="1">
      <c r="A133" s="49" t="s">
        <v>444</v>
      </c>
      <c r="B133" s="74">
        <v>131</v>
      </c>
      <c r="C133" s="75">
        <v>71.960845686016128</v>
      </c>
      <c r="D133" s="76">
        <v>3.9484277164649293</v>
      </c>
      <c r="E133" s="295">
        <v>0.17692802414423289</v>
      </c>
      <c r="F133" s="296">
        <v>6.7047375293026318E-2</v>
      </c>
      <c r="G133" s="295">
        <v>0.52435950884174243</v>
      </c>
      <c r="H133" s="296">
        <v>8.5970064898954965E-2</v>
      </c>
      <c r="I133" s="74">
        <v>131</v>
      </c>
      <c r="J133" s="75">
        <v>71.686608672748292</v>
      </c>
      <c r="K133" s="76">
        <v>4.068839094155515</v>
      </c>
      <c r="L133" s="295">
        <v>0.17013876020524452</v>
      </c>
      <c r="M133" s="296">
        <v>6.611862411138103E-2</v>
      </c>
      <c r="N133" s="295">
        <v>0.52154999315092809</v>
      </c>
      <c r="O133" s="296">
        <v>8.5990991814209411E-2</v>
      </c>
      <c r="P133" s="74">
        <v>131</v>
      </c>
      <c r="Q133" s="75">
        <v>76.413632812807649</v>
      </c>
      <c r="R133" s="76">
        <v>3.7000917605304573</v>
      </c>
      <c r="S133" s="295">
        <v>8.6675925602133858E-2</v>
      </c>
      <c r="T133" s="296">
        <v>5.139156610683647E-2</v>
      </c>
      <c r="U133" s="295">
        <v>0.61388303111070675</v>
      </c>
      <c r="V133" s="296">
        <v>8.3937864674749618E-2</v>
      </c>
    </row>
    <row r="134" spans="1:22" s="5" customFormat="1">
      <c r="A134" s="45" t="s">
        <v>456</v>
      </c>
      <c r="B134" s="71">
        <v>477</v>
      </c>
      <c r="C134" s="72">
        <v>71.709332725359047</v>
      </c>
      <c r="D134" s="73">
        <v>2.2106949565413898</v>
      </c>
      <c r="E134" s="292">
        <v>0.20986671206001614</v>
      </c>
      <c r="F134" s="293">
        <v>3.729044205746726E-2</v>
      </c>
      <c r="G134" s="292">
        <v>0.53581138035762665</v>
      </c>
      <c r="H134" s="293">
        <v>4.5480917033608279E-2</v>
      </c>
      <c r="I134" s="71">
        <v>477</v>
      </c>
      <c r="J134" s="72">
        <v>72.282014592916425</v>
      </c>
      <c r="K134" s="73">
        <v>2.2182243955195582</v>
      </c>
      <c r="L134" s="292">
        <v>0.20623523154925349</v>
      </c>
      <c r="M134" s="293">
        <v>3.7057195579767381E-2</v>
      </c>
      <c r="N134" s="292">
        <v>0.53154168250601141</v>
      </c>
      <c r="O134" s="293">
        <v>4.5506765418384089E-2</v>
      </c>
      <c r="P134" s="71">
        <v>476</v>
      </c>
      <c r="Q134" s="72">
        <v>72.605825477010086</v>
      </c>
      <c r="R134" s="73">
        <v>2.17869920822254</v>
      </c>
      <c r="S134" s="292">
        <v>0.21169473997808694</v>
      </c>
      <c r="T134" s="293">
        <v>3.7445475569608415E-2</v>
      </c>
      <c r="U134" s="292">
        <v>0.56675163267358264</v>
      </c>
      <c r="V134" s="293">
        <v>4.5241773940496201E-2</v>
      </c>
    </row>
    <row r="135" spans="1:22" s="5" customFormat="1">
      <c r="A135" s="49" t="s">
        <v>445</v>
      </c>
      <c r="B135" s="74">
        <v>155</v>
      </c>
      <c r="C135" s="75">
        <v>68.802100647342556</v>
      </c>
      <c r="D135" s="76">
        <v>3.950140835295568</v>
      </c>
      <c r="E135" s="295">
        <v>0.28904975914079012</v>
      </c>
      <c r="F135" s="296">
        <v>7.2287132975429963E-2</v>
      </c>
      <c r="G135" s="295">
        <v>0.52508854592183052</v>
      </c>
      <c r="H135" s="296">
        <v>7.9210226802246694E-2</v>
      </c>
      <c r="I135" s="74">
        <v>155</v>
      </c>
      <c r="J135" s="75">
        <v>71.175817753900674</v>
      </c>
      <c r="K135" s="76">
        <v>3.7829276153222988</v>
      </c>
      <c r="L135" s="295">
        <v>0.27921837336936678</v>
      </c>
      <c r="M135" s="296">
        <v>7.1581800574618271E-2</v>
      </c>
      <c r="N135" s="295">
        <v>0.52796765600292217</v>
      </c>
      <c r="O135" s="296">
        <v>7.918717109763046E-2</v>
      </c>
      <c r="P135" s="74">
        <v>155</v>
      </c>
      <c r="Q135" s="75">
        <v>71.514977848348295</v>
      </c>
      <c r="R135" s="76">
        <v>3.8870202736901267</v>
      </c>
      <c r="S135" s="295">
        <v>0.23322925081177726</v>
      </c>
      <c r="T135" s="296">
        <v>6.7734041135931747E-2</v>
      </c>
      <c r="U135" s="295">
        <v>0.56979754001972693</v>
      </c>
      <c r="V135" s="296">
        <v>7.8567414787106091E-2</v>
      </c>
    </row>
    <row r="136" spans="1:22" s="5" customFormat="1">
      <c r="A136" s="45" t="s">
        <v>446</v>
      </c>
      <c r="B136" s="54">
        <v>106</v>
      </c>
      <c r="C136" s="55">
        <v>76.719300421625135</v>
      </c>
      <c r="D136" s="56">
        <v>3.4085895709827505</v>
      </c>
      <c r="E136" s="291">
        <v>9.736512308868972E-2</v>
      </c>
      <c r="F136" s="298">
        <v>6.0139522517981957E-2</v>
      </c>
      <c r="G136" s="291">
        <v>0.5604733580318968</v>
      </c>
      <c r="H136" s="298">
        <v>9.4696472591005582E-2</v>
      </c>
      <c r="I136" s="54">
        <v>105</v>
      </c>
      <c r="J136" s="55">
        <v>77.368949696744281</v>
      </c>
      <c r="K136" s="56">
        <v>3.4881911449183005</v>
      </c>
      <c r="L136" s="291">
        <v>9.9592970129491629E-2</v>
      </c>
      <c r="M136" s="298">
        <v>6.0948265636675616E-2</v>
      </c>
      <c r="N136" s="291">
        <v>0.55739830211667851</v>
      </c>
      <c r="O136" s="298">
        <v>9.5195173940000502E-2</v>
      </c>
      <c r="P136" s="54">
        <v>106</v>
      </c>
      <c r="Q136" s="55">
        <v>76.588646924371091</v>
      </c>
      <c r="R136" s="56">
        <v>3.453293453681245</v>
      </c>
      <c r="S136" s="291">
        <v>0.14830554054755898</v>
      </c>
      <c r="T136" s="298">
        <v>7.0102007392060905E-2</v>
      </c>
      <c r="U136" s="291">
        <v>0.5575299588064353</v>
      </c>
      <c r="V136" s="298">
        <v>9.4758378388459838E-2</v>
      </c>
    </row>
    <row r="137" spans="1:22" s="5" customFormat="1">
      <c r="A137" s="49" t="s">
        <v>447</v>
      </c>
      <c r="B137" s="74">
        <v>89</v>
      </c>
      <c r="C137" s="75">
        <v>72.23849635936665</v>
      </c>
      <c r="D137" s="76">
        <v>5.2844138897085626</v>
      </c>
      <c r="E137" s="295">
        <v>0.18567490770772166</v>
      </c>
      <c r="F137" s="296">
        <v>8.2830546207794772E-2</v>
      </c>
      <c r="G137" s="295">
        <v>0.52404083782069844</v>
      </c>
      <c r="H137" s="296">
        <v>0.10358533671338037</v>
      </c>
      <c r="I137" s="74">
        <v>89</v>
      </c>
      <c r="J137" s="75">
        <v>70.151116180181603</v>
      </c>
      <c r="K137" s="76">
        <v>5.5369841989522248</v>
      </c>
      <c r="L137" s="295">
        <v>0.19294065236053951</v>
      </c>
      <c r="M137" s="296">
        <v>8.3897200738460048E-2</v>
      </c>
      <c r="N137" s="295">
        <v>0.47941755710224754</v>
      </c>
      <c r="O137" s="296">
        <v>0.1036146751835729</v>
      </c>
      <c r="P137" s="74">
        <v>88</v>
      </c>
      <c r="Q137" s="75">
        <v>70.250532933578597</v>
      </c>
      <c r="R137" s="76">
        <v>5.4826365395668839</v>
      </c>
      <c r="S137" s="295">
        <v>0.24515928668085288</v>
      </c>
      <c r="T137" s="296">
        <v>9.1028120299758652E-2</v>
      </c>
      <c r="U137" s="295">
        <v>0.541298139354635</v>
      </c>
      <c r="V137" s="296">
        <v>0.10393132078344805</v>
      </c>
    </row>
    <row r="138" spans="1:22" s="5" customFormat="1">
      <c r="A138" s="57" t="s">
        <v>448</v>
      </c>
      <c r="B138" s="71">
        <v>127</v>
      </c>
      <c r="C138" s="72">
        <v>68.521866097407809</v>
      </c>
      <c r="D138" s="73">
        <v>5.2227335988267658</v>
      </c>
      <c r="E138" s="292">
        <v>0.27315823771055198</v>
      </c>
      <c r="F138" s="293">
        <v>7.8465680243901631E-2</v>
      </c>
      <c r="G138" s="292">
        <v>0.53157964509174815</v>
      </c>
      <c r="H138" s="293">
        <v>8.720646702661676E-2</v>
      </c>
      <c r="I138" s="71">
        <v>128</v>
      </c>
      <c r="J138" s="72">
        <v>69.193233835256748</v>
      </c>
      <c r="K138" s="73">
        <v>5.2634853069411607</v>
      </c>
      <c r="L138" s="292">
        <v>0.25857971135204189</v>
      </c>
      <c r="M138" s="293">
        <v>7.6909051488193061E-2</v>
      </c>
      <c r="N138" s="292">
        <v>0.56256706961727543</v>
      </c>
      <c r="O138" s="293">
        <v>8.6395675026860186E-2</v>
      </c>
      <c r="P138" s="71">
        <v>127</v>
      </c>
      <c r="Q138" s="72">
        <v>71.392983365985643</v>
      </c>
      <c r="R138" s="73">
        <v>4.9196483847924206</v>
      </c>
      <c r="S138" s="292">
        <v>0.22894062605172291</v>
      </c>
      <c r="T138" s="293">
        <v>7.4330646764044411E-2</v>
      </c>
      <c r="U138" s="292">
        <v>0.60620400707387534</v>
      </c>
      <c r="V138" s="293">
        <v>8.5497913789840438E-2</v>
      </c>
    </row>
    <row r="139" spans="1:22" s="5" customFormat="1">
      <c r="A139" s="49" t="s">
        <v>457</v>
      </c>
      <c r="B139" s="74">
        <v>650</v>
      </c>
      <c r="C139" s="75">
        <v>71.121232215202738</v>
      </c>
      <c r="D139" s="76">
        <v>1.7421177470268479</v>
      </c>
      <c r="E139" s="295">
        <v>0.20694176345631315</v>
      </c>
      <c r="F139" s="296">
        <v>3.1783308319381462E-2</v>
      </c>
      <c r="G139" s="295">
        <v>0.52423251358349943</v>
      </c>
      <c r="H139" s="296">
        <v>3.9057704222921243E-2</v>
      </c>
      <c r="I139" s="74">
        <v>645</v>
      </c>
      <c r="J139" s="75">
        <v>70.47003711742569</v>
      </c>
      <c r="K139" s="76">
        <v>1.8248679998944595</v>
      </c>
      <c r="L139" s="295">
        <v>0.22568295890657322</v>
      </c>
      <c r="M139" s="296">
        <v>3.2905044446209203E-2</v>
      </c>
      <c r="N139" s="295">
        <v>0.54120860394220993</v>
      </c>
      <c r="O139" s="296">
        <v>3.9121533913441899E-2</v>
      </c>
      <c r="P139" s="74">
        <v>646</v>
      </c>
      <c r="Q139" s="75">
        <v>72.407075756011182</v>
      </c>
      <c r="R139" s="76">
        <v>1.7193247119548356</v>
      </c>
      <c r="S139" s="295">
        <v>0.20549888066920358</v>
      </c>
      <c r="T139" s="296">
        <v>3.1800654427116264E-2</v>
      </c>
      <c r="U139" s="295">
        <v>0.56377519623535011</v>
      </c>
      <c r="V139" s="296">
        <v>3.8906802181261996E-2</v>
      </c>
    </row>
    <row r="140" spans="1:22" s="5" customFormat="1">
      <c r="A140" s="57" t="s">
        <v>449</v>
      </c>
      <c r="B140" s="71">
        <v>121</v>
      </c>
      <c r="C140" s="72">
        <v>67.835230719997156</v>
      </c>
      <c r="D140" s="73">
        <v>4.9097482975941542</v>
      </c>
      <c r="E140" s="292">
        <v>0.29200103362461582</v>
      </c>
      <c r="F140" s="293">
        <v>8.187033583845614E-2</v>
      </c>
      <c r="G140" s="292">
        <v>0.50337474402465099</v>
      </c>
      <c r="H140" s="293">
        <v>8.9440810073247459E-2</v>
      </c>
      <c r="I140" s="71">
        <v>120</v>
      </c>
      <c r="J140" s="72">
        <v>66.824417543178882</v>
      </c>
      <c r="K140" s="73">
        <v>5.3199150406523472</v>
      </c>
      <c r="L140" s="292">
        <v>0.27790777017778828</v>
      </c>
      <c r="M140" s="293">
        <v>8.1082588350658319E-2</v>
      </c>
      <c r="N140" s="292">
        <v>0.50941146590050945</v>
      </c>
      <c r="O140" s="293">
        <v>8.9787750924762141E-2</v>
      </c>
      <c r="P140" s="71">
        <v>121</v>
      </c>
      <c r="Q140" s="72">
        <v>67.348878882666583</v>
      </c>
      <c r="R140" s="73">
        <v>4.7176291913146926</v>
      </c>
      <c r="S140" s="292">
        <v>0.26057286859036799</v>
      </c>
      <c r="T140" s="293">
        <v>7.9253470852064009E-2</v>
      </c>
      <c r="U140" s="292">
        <v>0.48093006999379712</v>
      </c>
      <c r="V140" s="293">
        <v>8.938174126962313E-2</v>
      </c>
    </row>
    <row r="141" spans="1:22" s="5" customFormat="1">
      <c r="A141" s="49" t="s">
        <v>450</v>
      </c>
      <c r="B141" s="74">
        <v>96</v>
      </c>
      <c r="C141" s="75">
        <v>72.969135714102308</v>
      </c>
      <c r="D141" s="76">
        <v>3.7818256019832588</v>
      </c>
      <c r="E141" s="295">
        <v>0.13672136328310922</v>
      </c>
      <c r="F141" s="296">
        <v>7.1658966598207682E-2</v>
      </c>
      <c r="G141" s="295">
        <v>0.51852906025059886</v>
      </c>
      <c r="H141" s="296">
        <v>9.993669810243147E-2</v>
      </c>
      <c r="I141" s="74">
        <v>96</v>
      </c>
      <c r="J141" s="75">
        <v>71.784572430428682</v>
      </c>
      <c r="K141" s="76">
        <v>4.009572658414398</v>
      </c>
      <c r="L141" s="295">
        <v>0.20317786333111254</v>
      </c>
      <c r="M141" s="296">
        <v>8.2171509476057281E-2</v>
      </c>
      <c r="N141" s="295">
        <v>0.56110601200225729</v>
      </c>
      <c r="O141" s="296">
        <v>9.9309374494431502E-2</v>
      </c>
      <c r="P141" s="74">
        <v>95</v>
      </c>
      <c r="Q141" s="75">
        <v>75.044711981603996</v>
      </c>
      <c r="R141" s="76">
        <v>3.645823739733796</v>
      </c>
      <c r="S141" s="295">
        <v>0.12678729825881294</v>
      </c>
      <c r="T141" s="296">
        <v>7.0134205355558518E-2</v>
      </c>
      <c r="U141" s="295">
        <v>0.6392588523184709</v>
      </c>
      <c r="V141" s="296">
        <v>9.6847777374643618E-2</v>
      </c>
    </row>
    <row r="142" spans="1:22" s="5" customFormat="1" ht="25.5">
      <c r="A142" s="57" t="s">
        <v>451</v>
      </c>
      <c r="B142" s="71">
        <v>163</v>
      </c>
      <c r="C142" s="72">
        <v>71.809402693017645</v>
      </c>
      <c r="D142" s="73">
        <v>3.606655585157629</v>
      </c>
      <c r="E142" s="292">
        <v>0.21769724475992194</v>
      </c>
      <c r="F142" s="293">
        <v>6.4571763053570361E-2</v>
      </c>
      <c r="G142" s="292">
        <v>0.57495337849769879</v>
      </c>
      <c r="H142" s="293">
        <v>7.6549525147203215E-2</v>
      </c>
      <c r="I142" s="71">
        <v>163</v>
      </c>
      <c r="J142" s="72">
        <v>71.305976335741647</v>
      </c>
      <c r="K142" s="73">
        <v>3.7785618458540555</v>
      </c>
      <c r="L142" s="292">
        <v>0.24471770278706326</v>
      </c>
      <c r="M142" s="293">
        <v>6.7089257156201051E-2</v>
      </c>
      <c r="N142" s="292">
        <v>0.58236121606697688</v>
      </c>
      <c r="O142" s="293">
        <v>7.6375638072910368E-2</v>
      </c>
      <c r="P142" s="71">
        <v>163</v>
      </c>
      <c r="Q142" s="72">
        <v>74.664124807939231</v>
      </c>
      <c r="R142" s="73">
        <v>3.3063143094895948</v>
      </c>
      <c r="S142" s="292">
        <v>0.1890197885645806</v>
      </c>
      <c r="T142" s="293">
        <v>6.1492140142736983E-2</v>
      </c>
      <c r="U142" s="292">
        <v>0.61912990455813743</v>
      </c>
      <c r="V142" s="293">
        <v>7.5260788435417822E-2</v>
      </c>
    </row>
    <row r="143" spans="1:22" s="5" customFormat="1">
      <c r="A143" s="49" t="s">
        <v>452</v>
      </c>
      <c r="B143" s="74">
        <v>75</v>
      </c>
      <c r="C143" s="75">
        <v>75.742182239657041</v>
      </c>
      <c r="D143" s="76">
        <v>4.6404284598096543</v>
      </c>
      <c r="E143" s="295">
        <v>0.14602633943392287</v>
      </c>
      <c r="F143" s="296">
        <v>8.3308109934539562E-2</v>
      </c>
      <c r="G143" s="295">
        <v>0.64686412538394455</v>
      </c>
      <c r="H143" s="296">
        <v>0.10804589788431264</v>
      </c>
      <c r="I143" s="74">
        <v>74</v>
      </c>
      <c r="J143" s="75">
        <v>73.104830529477709</v>
      </c>
      <c r="K143" s="76">
        <v>5.7275612606449418</v>
      </c>
      <c r="L143" s="295">
        <v>0.17706088809686199</v>
      </c>
      <c r="M143" s="296">
        <v>8.9480678433333086E-2</v>
      </c>
      <c r="N143" s="295">
        <v>0.6418861150055617</v>
      </c>
      <c r="O143" s="296">
        <v>0.10904719602799923</v>
      </c>
      <c r="P143" s="74">
        <v>74</v>
      </c>
      <c r="Q143" s="75">
        <v>74.577336697683748</v>
      </c>
      <c r="R143" s="76">
        <v>5.1425626232737178</v>
      </c>
      <c r="S143" s="295">
        <v>0.17488807490345143</v>
      </c>
      <c r="T143" s="296">
        <v>8.9116766765574951E-2</v>
      </c>
      <c r="U143" s="295">
        <v>0.63797681553463581</v>
      </c>
      <c r="V143" s="296">
        <v>0.1092784978702304</v>
      </c>
    </row>
    <row r="144" spans="1:22" s="5" customFormat="1">
      <c r="A144" s="57" t="s">
        <v>453</v>
      </c>
      <c r="B144" s="71">
        <v>79</v>
      </c>
      <c r="C144" s="72">
        <v>72.06204200297087</v>
      </c>
      <c r="D144" s="73">
        <v>4.8622093319802913</v>
      </c>
      <c r="E144" s="292">
        <v>0.16619788583151987</v>
      </c>
      <c r="F144" s="293">
        <v>8.4755356002308074E-2</v>
      </c>
      <c r="G144" s="292">
        <v>0.54735742644157648</v>
      </c>
      <c r="H144" s="293">
        <v>0.10931731896411366</v>
      </c>
      <c r="I144" s="71">
        <v>76</v>
      </c>
      <c r="J144" s="72">
        <v>70.784513928320948</v>
      </c>
      <c r="K144" s="73">
        <v>4.8673758051039187</v>
      </c>
      <c r="L144" s="292">
        <v>0.18069497064335124</v>
      </c>
      <c r="M144" s="293">
        <v>8.8877719128689261E-2</v>
      </c>
      <c r="N144" s="292">
        <v>0.50072925486802577</v>
      </c>
      <c r="O144" s="293">
        <v>0.11180329155241184</v>
      </c>
      <c r="P144" s="71">
        <v>78</v>
      </c>
      <c r="Q144" s="72">
        <v>75.720142828469037</v>
      </c>
      <c r="R144" s="73">
        <v>4.7842380346915006</v>
      </c>
      <c r="S144" s="292">
        <v>0.21066967203837494</v>
      </c>
      <c r="T144" s="293">
        <v>9.2196977273473688E-2</v>
      </c>
      <c r="U144" s="292">
        <v>0.65239597102666569</v>
      </c>
      <c r="V144" s="293">
        <v>0.10568845436255056</v>
      </c>
    </row>
    <row r="145" spans="1:22" s="5" customFormat="1">
      <c r="A145" s="49" t="s">
        <v>454</v>
      </c>
      <c r="B145" s="74">
        <v>116</v>
      </c>
      <c r="C145" s="75">
        <v>68.78973934942978</v>
      </c>
      <c r="D145" s="76">
        <v>4.0350221001934488</v>
      </c>
      <c r="E145" s="295">
        <v>0.24671257080040893</v>
      </c>
      <c r="F145" s="296">
        <v>7.9592956875769241E-2</v>
      </c>
      <c r="G145" s="295">
        <v>0.4336228450097695</v>
      </c>
      <c r="H145" s="296">
        <v>9.0532297417047033E-2</v>
      </c>
      <c r="I145" s="74">
        <v>116</v>
      </c>
      <c r="J145" s="75">
        <v>69.69067866198732</v>
      </c>
      <c r="K145" s="76">
        <v>3.9842703169107976</v>
      </c>
      <c r="L145" s="295">
        <v>0.23872111700409995</v>
      </c>
      <c r="M145" s="296">
        <v>7.8784220876849304E-2</v>
      </c>
      <c r="N145" s="295">
        <v>0.49560474748524319</v>
      </c>
      <c r="O145" s="296">
        <v>9.128379706052131E-2</v>
      </c>
      <c r="P145" s="74">
        <v>115</v>
      </c>
      <c r="Q145" s="75">
        <v>68.270216994395639</v>
      </c>
      <c r="R145" s="76">
        <v>4.1542560372053101</v>
      </c>
      <c r="S145" s="295">
        <v>0.25508330663236883</v>
      </c>
      <c r="T145" s="296">
        <v>8.0748721085662847E-2</v>
      </c>
      <c r="U145" s="295">
        <v>0.41751429220278813</v>
      </c>
      <c r="V145" s="296">
        <v>9.0497379142537457E-2</v>
      </c>
    </row>
    <row r="146" spans="1:22" s="5" customFormat="1"/>
  </sheetData>
  <mergeCells count="23">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7"/>
  <sheetViews>
    <sheetView zoomScaleNormal="100" workbookViewId="0"/>
  </sheetViews>
  <sheetFormatPr defaultColWidth="18" defaultRowHeight="15"/>
  <cols>
    <col min="1" max="1" width="42.28515625" style="5" customWidth="1"/>
    <col min="2" max="4" width="19.42578125" style="5" customWidth="1"/>
    <col min="5" max="8" width="18" style="5"/>
    <col min="9" max="9" width="19.85546875" style="5" customWidth="1"/>
    <col min="10" max="16384" width="18" style="5"/>
  </cols>
  <sheetData>
    <row r="1" spans="1:43" ht="28.5">
      <c r="A1" s="36" t="s">
        <v>64</v>
      </c>
      <c r="P1" s="228"/>
      <c r="Q1" s="228"/>
      <c r="R1" s="228"/>
      <c r="S1" s="228"/>
      <c r="T1" s="228"/>
      <c r="U1" s="228"/>
      <c r="V1" s="228"/>
      <c r="W1" s="228"/>
      <c r="X1" s="228"/>
      <c r="Y1" s="228"/>
      <c r="Z1" s="228"/>
      <c r="AA1" s="228"/>
      <c r="AB1" s="228"/>
      <c r="AC1" s="228"/>
      <c r="AD1" s="228"/>
      <c r="AE1" s="228"/>
      <c r="AF1" s="228"/>
      <c r="AG1" s="228"/>
      <c r="AH1" s="228"/>
      <c r="AI1" s="228"/>
      <c r="AJ1" s="228"/>
      <c r="AK1" s="228"/>
    </row>
    <row r="2" spans="1:43">
      <c r="P2" s="228"/>
      <c r="Q2" s="228"/>
      <c r="R2" s="228"/>
      <c r="S2" s="228"/>
      <c r="T2" s="228"/>
      <c r="U2" s="228"/>
      <c r="V2" s="228"/>
      <c r="W2" s="228"/>
      <c r="X2" s="228"/>
      <c r="Y2" s="228"/>
      <c r="Z2" s="228"/>
      <c r="AA2" s="228"/>
      <c r="AB2" s="228"/>
      <c r="AC2" s="228"/>
      <c r="AD2" s="228"/>
      <c r="AE2" s="228"/>
      <c r="AF2" s="228"/>
      <c r="AG2" s="228"/>
      <c r="AH2" s="228"/>
      <c r="AI2" s="228"/>
      <c r="AJ2" s="228"/>
      <c r="AK2" s="228"/>
    </row>
    <row r="3" spans="1:43" ht="18.75">
      <c r="A3" s="329" t="s">
        <v>33</v>
      </c>
      <c r="B3" s="329"/>
      <c r="C3" s="329"/>
      <c r="D3" s="329"/>
      <c r="E3" s="329"/>
      <c r="F3" s="329"/>
      <c r="G3" s="329"/>
      <c r="H3" s="329"/>
      <c r="I3" s="329"/>
      <c r="J3" s="329"/>
      <c r="K3" s="329"/>
      <c r="L3" s="329"/>
      <c r="M3" s="329"/>
      <c r="N3" s="329"/>
      <c r="O3" s="329"/>
      <c r="P3" s="329"/>
      <c r="Q3" s="329"/>
      <c r="R3" s="329"/>
      <c r="S3" s="329"/>
      <c r="T3" s="329"/>
      <c r="U3" s="329"/>
      <c r="V3" s="329"/>
      <c r="W3" s="329"/>
      <c r="X3" s="267"/>
      <c r="Y3" s="267"/>
      <c r="Z3" s="267"/>
      <c r="AA3" s="267"/>
      <c r="AB3" s="267"/>
      <c r="AC3" s="267"/>
      <c r="AD3" s="267"/>
      <c r="AE3" s="267"/>
      <c r="AF3" s="267"/>
      <c r="AG3" s="267"/>
      <c r="AH3" s="267"/>
      <c r="AI3" s="267"/>
      <c r="AJ3" s="267"/>
      <c r="AK3" s="228"/>
    </row>
    <row r="4" spans="1:43" ht="62.25" customHeight="1">
      <c r="A4" s="328" t="s">
        <v>381</v>
      </c>
      <c r="B4" s="328"/>
      <c r="C4" s="328"/>
      <c r="D4" s="328"/>
      <c r="E4" s="328"/>
      <c r="F4" s="328"/>
      <c r="G4" s="328"/>
      <c r="H4" s="328"/>
      <c r="I4" s="328"/>
      <c r="J4" s="328"/>
      <c r="K4" s="328"/>
      <c r="L4" s="328"/>
      <c r="M4" s="328"/>
      <c r="N4" s="328"/>
      <c r="O4" s="328"/>
      <c r="P4" s="328"/>
      <c r="Q4" s="328"/>
      <c r="R4" s="328"/>
      <c r="S4" s="328"/>
      <c r="T4" s="328"/>
      <c r="U4" s="328"/>
      <c r="V4" s="328"/>
      <c r="W4" s="328"/>
      <c r="X4" s="265"/>
      <c r="Y4" s="265"/>
      <c r="Z4" s="265"/>
      <c r="AA4" s="265"/>
      <c r="AB4" s="265"/>
      <c r="AC4" s="266"/>
      <c r="AD4" s="265"/>
      <c r="AE4" s="265"/>
      <c r="AF4" s="265"/>
      <c r="AG4" s="265"/>
      <c r="AH4" s="265"/>
      <c r="AI4" s="265"/>
      <c r="AJ4" s="265"/>
      <c r="AK4" s="228"/>
    </row>
    <row r="5" spans="1:43" ht="39.75" customHeight="1">
      <c r="A5" s="64"/>
      <c r="B5" s="334" t="s">
        <v>100</v>
      </c>
      <c r="C5" s="335"/>
      <c r="D5" s="335"/>
      <c r="E5" s="335"/>
      <c r="F5" s="335"/>
      <c r="G5" s="335"/>
      <c r="H5" s="335"/>
      <c r="I5" s="335"/>
      <c r="J5" s="335"/>
      <c r="K5" s="335"/>
      <c r="L5" s="336"/>
      <c r="M5" s="337" t="s">
        <v>252</v>
      </c>
      <c r="N5" s="338"/>
      <c r="O5" s="338"/>
      <c r="P5" s="338"/>
      <c r="Q5" s="338"/>
      <c r="R5" s="338"/>
      <c r="S5" s="338"/>
      <c r="T5" s="338"/>
      <c r="U5" s="338"/>
      <c r="V5" s="338"/>
      <c r="W5" s="338"/>
      <c r="X5" s="228"/>
      <c r="Y5" s="228"/>
      <c r="Z5" s="228"/>
      <c r="AA5" s="228"/>
      <c r="AB5" s="228"/>
      <c r="AC5" s="228"/>
      <c r="AD5" s="228"/>
      <c r="AE5" s="228"/>
      <c r="AF5" s="228"/>
      <c r="AG5" s="228"/>
      <c r="AH5" s="228"/>
      <c r="AI5" s="228"/>
      <c r="AJ5" s="228"/>
      <c r="AK5" s="228"/>
      <c r="AL5" s="228"/>
      <c r="AM5" s="228"/>
      <c r="AN5" s="228"/>
      <c r="AO5" s="228"/>
    </row>
    <row r="6" spans="1:43" ht="72">
      <c r="A6" s="37" t="s">
        <v>85</v>
      </c>
      <c r="B6" s="38" t="s">
        <v>86</v>
      </c>
      <c r="C6" s="39" t="s">
        <v>87</v>
      </c>
      <c r="D6" s="40" t="s">
        <v>88</v>
      </c>
      <c r="E6" s="38" t="s">
        <v>178</v>
      </c>
      <c r="F6" s="89" t="s">
        <v>101</v>
      </c>
      <c r="G6" s="38" t="s">
        <v>179</v>
      </c>
      <c r="H6" s="89" t="s">
        <v>102</v>
      </c>
      <c r="I6" s="38" t="s">
        <v>180</v>
      </c>
      <c r="J6" s="89" t="s">
        <v>103</v>
      </c>
      <c r="K6" s="38" t="s">
        <v>357</v>
      </c>
      <c r="L6" s="89" t="s">
        <v>356</v>
      </c>
      <c r="M6" s="65" t="s">
        <v>86</v>
      </c>
      <c r="N6" s="65" t="s">
        <v>87</v>
      </c>
      <c r="O6" s="65" t="s">
        <v>88</v>
      </c>
      <c r="P6" s="65" t="s">
        <v>178</v>
      </c>
      <c r="Q6" s="88" t="s">
        <v>101</v>
      </c>
      <c r="R6" s="65" t="s">
        <v>179</v>
      </c>
      <c r="S6" s="88" t="s">
        <v>102</v>
      </c>
      <c r="T6" s="65" t="s">
        <v>180</v>
      </c>
      <c r="U6" s="88" t="s">
        <v>103</v>
      </c>
      <c r="V6" s="65" t="s">
        <v>357</v>
      </c>
      <c r="W6" s="88" t="s">
        <v>356</v>
      </c>
      <c r="X6" s="228"/>
      <c r="Y6" s="228"/>
      <c r="Z6" s="228"/>
      <c r="AA6" s="228"/>
      <c r="AB6" s="228"/>
      <c r="AC6" s="228"/>
      <c r="AD6" s="228"/>
      <c r="AE6" s="228"/>
      <c r="AF6" s="228"/>
      <c r="AG6" s="228"/>
      <c r="AH6" s="228"/>
      <c r="AI6" s="228"/>
      <c r="AJ6" s="228"/>
      <c r="AK6" s="228"/>
      <c r="AL6" s="228"/>
      <c r="AM6" s="228"/>
      <c r="AN6" s="228"/>
      <c r="AO6" s="228"/>
      <c r="AP6" s="228"/>
      <c r="AQ6" s="228"/>
    </row>
    <row r="7" spans="1:43" ht="92.25" customHeight="1">
      <c r="A7" s="41"/>
      <c r="B7" s="42" t="s">
        <v>89</v>
      </c>
      <c r="C7" s="43" t="s">
        <v>358</v>
      </c>
      <c r="D7" s="44" t="s">
        <v>91</v>
      </c>
      <c r="E7" s="42" t="s">
        <v>181</v>
      </c>
      <c r="F7" s="91" t="s">
        <v>104</v>
      </c>
      <c r="G7" s="42" t="s">
        <v>182</v>
      </c>
      <c r="H7" s="91" t="s">
        <v>104</v>
      </c>
      <c r="I7" s="42" t="s">
        <v>183</v>
      </c>
      <c r="J7" s="91" t="s">
        <v>104</v>
      </c>
      <c r="K7" s="42" t="s">
        <v>357</v>
      </c>
      <c r="L7" s="91" t="s">
        <v>104</v>
      </c>
      <c r="M7" s="68" t="s">
        <v>89</v>
      </c>
      <c r="N7" s="68" t="s">
        <v>358</v>
      </c>
      <c r="O7" s="68" t="s">
        <v>91</v>
      </c>
      <c r="P7" s="68" t="s">
        <v>181</v>
      </c>
      <c r="Q7" s="90" t="s">
        <v>104</v>
      </c>
      <c r="R7" s="68" t="s">
        <v>182</v>
      </c>
      <c r="S7" s="90" t="s">
        <v>104</v>
      </c>
      <c r="T7" s="68" t="s">
        <v>183</v>
      </c>
      <c r="U7" s="90" t="s">
        <v>104</v>
      </c>
      <c r="V7" s="68" t="s">
        <v>357</v>
      </c>
      <c r="W7" s="90" t="s">
        <v>104</v>
      </c>
    </row>
    <row r="8" spans="1:43">
      <c r="A8" s="45" t="s">
        <v>436</v>
      </c>
      <c r="B8" s="100">
        <v>9381</v>
      </c>
      <c r="C8" s="101">
        <v>5.2260135235325373</v>
      </c>
      <c r="D8" s="102">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1">
        <v>5.5</v>
      </c>
      <c r="O8" s="102">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7</v>
      </c>
      <c r="B9" s="104">
        <v>8740</v>
      </c>
      <c r="C9" s="105">
        <v>5.2</v>
      </c>
      <c r="D9" s="106">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5">
        <v>5.5</v>
      </c>
      <c r="O9" s="106">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45" t="s">
        <v>438</v>
      </c>
      <c r="B10" s="100">
        <v>839</v>
      </c>
      <c r="C10" s="101">
        <v>5</v>
      </c>
      <c r="D10" s="102">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1">
        <v>5</v>
      </c>
      <c r="O10" s="102">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9</v>
      </c>
      <c r="B11" s="104">
        <v>3541</v>
      </c>
      <c r="C11" s="105">
        <v>5.3463686712475722</v>
      </c>
      <c r="D11" s="106">
        <v>3.9199999999999999E-2</v>
      </c>
      <c r="E11" s="96">
        <v>8.2080142376591336E-2</v>
      </c>
      <c r="F11" s="97">
        <v>9.2443353526867993E-3</v>
      </c>
      <c r="G11" s="96">
        <v>0.11460564541857535</v>
      </c>
      <c r="H11" s="97">
        <v>1.0717881779928528E-2</v>
      </c>
      <c r="I11" s="96">
        <v>0.75255907188460247</v>
      </c>
      <c r="J11" s="97">
        <v>1.4500922786788066E-2</v>
      </c>
      <c r="K11" s="96">
        <v>5.0755140320236321E-2</v>
      </c>
      <c r="L11" s="97">
        <v>7.4078636476266621E-3</v>
      </c>
      <c r="M11" s="95">
        <v>3546</v>
      </c>
      <c r="N11" s="105">
        <v>5.6</v>
      </c>
      <c r="O11" s="106">
        <v>3.9199999999999999E-2</v>
      </c>
      <c r="P11" s="96">
        <v>8.5999999999999993E-2</v>
      </c>
      <c r="Q11" s="97">
        <v>9.4341320330140321E-3</v>
      </c>
      <c r="R11" s="96">
        <v>0.106</v>
      </c>
      <c r="S11" s="97">
        <v>1.0352308337248978E-2</v>
      </c>
      <c r="T11" s="96">
        <v>0.79600000000000004</v>
      </c>
      <c r="U11" s="97">
        <v>1.3534778707877407E-2</v>
      </c>
      <c r="V11" s="96">
        <v>1.2E-2</v>
      </c>
      <c r="W11" s="97">
        <v>3.7367395881211904E-3</v>
      </c>
    </row>
    <row r="12" spans="1:43">
      <c r="A12" s="45" t="s">
        <v>440</v>
      </c>
      <c r="B12" s="100">
        <v>3147</v>
      </c>
      <c r="C12" s="101">
        <v>5.31</v>
      </c>
      <c r="D12" s="102">
        <v>3.9199999999999999E-2</v>
      </c>
      <c r="E12" s="93">
        <v>9.0999999999999998E-2</v>
      </c>
      <c r="F12" s="94">
        <v>1.0273532019569832E-2</v>
      </c>
      <c r="G12" s="93">
        <v>0.11899999999999999</v>
      </c>
      <c r="H12" s="94">
        <v>1.1556564733064602E-2</v>
      </c>
      <c r="I12" s="93">
        <v>0.745</v>
      </c>
      <c r="J12" s="94">
        <v>1.5535600105130217E-2</v>
      </c>
      <c r="K12" s="93">
        <v>4.5999999999999999E-2</v>
      </c>
      <c r="L12" s="94">
        <v>7.5081228352318549E-3</v>
      </c>
      <c r="M12" s="92">
        <v>3287</v>
      </c>
      <c r="N12" s="101">
        <v>5.53</v>
      </c>
      <c r="O12" s="102">
        <v>3.9199999999999999E-2</v>
      </c>
      <c r="P12" s="93">
        <v>9.6000000000000002E-2</v>
      </c>
      <c r="Q12" s="94">
        <v>1.0293801098307881E-2</v>
      </c>
      <c r="R12" s="93">
        <v>0.11</v>
      </c>
      <c r="S12" s="94">
        <v>1.092887482821616E-2</v>
      </c>
      <c r="T12" s="93">
        <v>0.78300000000000003</v>
      </c>
      <c r="U12" s="94">
        <v>1.4378888597980638E-2</v>
      </c>
      <c r="V12" s="93">
        <v>1.0999999999999999E-2</v>
      </c>
      <c r="W12" s="94">
        <v>3.7321306140534315E-3</v>
      </c>
    </row>
    <row r="13" spans="1:43">
      <c r="A13" s="49" t="s">
        <v>455</v>
      </c>
      <c r="B13" s="104">
        <v>556</v>
      </c>
      <c r="C13" s="105">
        <v>5.2771244253893688</v>
      </c>
      <c r="D13" s="106">
        <v>9.8000000000000004E-2</v>
      </c>
      <c r="E13" s="96">
        <v>9.673397409610146E-2</v>
      </c>
      <c r="F13" s="97">
        <v>2.5311122331560347E-2</v>
      </c>
      <c r="G13" s="96">
        <v>0.11966466018242075</v>
      </c>
      <c r="H13" s="97">
        <v>2.7697878788279152E-2</v>
      </c>
      <c r="I13" s="96">
        <v>0.71277423352482816</v>
      </c>
      <c r="J13" s="97">
        <v>3.8300650037070796E-2</v>
      </c>
      <c r="K13" s="96">
        <v>7.0827132196647394E-2</v>
      </c>
      <c r="L13" s="97">
        <v>2.210890715150288E-2</v>
      </c>
      <c r="M13" s="95">
        <v>560</v>
      </c>
      <c r="N13" s="105">
        <v>5.8</v>
      </c>
      <c r="O13" s="106">
        <v>9.8000000000000004E-2</v>
      </c>
      <c r="P13" s="96">
        <v>6.8581810372850618E-2</v>
      </c>
      <c r="Q13" s="97">
        <v>2.1718542481321011E-2</v>
      </c>
      <c r="R13" s="96">
        <v>5.9366843262209174E-2</v>
      </c>
      <c r="S13" s="97">
        <v>2.0384019503344487E-2</v>
      </c>
      <c r="T13" s="96">
        <v>0.85343096432829757</v>
      </c>
      <c r="U13" s="97">
        <v>2.9994336620787748E-2</v>
      </c>
      <c r="V13" s="96">
        <v>1.8620382036642152E-2</v>
      </c>
      <c r="W13" s="97">
        <v>1.2362407593542729E-2</v>
      </c>
    </row>
    <row r="14" spans="1:43">
      <c r="A14" s="45" t="s">
        <v>441</v>
      </c>
      <c r="B14" s="100">
        <v>113</v>
      </c>
      <c r="C14" s="101">
        <v>5.2683333719198231</v>
      </c>
      <c r="D14" s="102">
        <v>0.23519999999999999</v>
      </c>
      <c r="E14" s="93">
        <v>0.10508880790442902</v>
      </c>
      <c r="F14" s="94">
        <v>5.977920811992072E-2</v>
      </c>
      <c r="G14" s="93">
        <v>7.9010817424844934E-2</v>
      </c>
      <c r="H14" s="94">
        <v>5.3805402973405761E-2</v>
      </c>
      <c r="I14" s="93">
        <v>0.7611223005112131</v>
      </c>
      <c r="J14" s="94">
        <v>7.982837586490546E-2</v>
      </c>
      <c r="K14" s="93">
        <v>5.4778074159513496E-2</v>
      </c>
      <c r="L14" s="94">
        <v>4.7176493298944945E-2</v>
      </c>
      <c r="M14" s="92">
        <v>113</v>
      </c>
      <c r="N14" s="101">
        <v>5.5</v>
      </c>
      <c r="O14" s="102">
        <v>0.23519999999999999</v>
      </c>
      <c r="P14" s="93">
        <v>0.10443413300743744</v>
      </c>
      <c r="Q14" s="94">
        <v>5.9641011829532062E-2</v>
      </c>
      <c r="R14" s="93">
        <v>2.9933695880924888E-2</v>
      </c>
      <c r="S14" s="94">
        <v>3.87355441234737E-2</v>
      </c>
      <c r="T14" s="93">
        <v>0.84845338592787445</v>
      </c>
      <c r="U14" s="94">
        <v>6.8373165562610333E-2</v>
      </c>
      <c r="V14" s="93">
        <v>1.7178785183763746E-2</v>
      </c>
      <c r="W14" s="94">
        <v>3.3359364665381974E-2</v>
      </c>
    </row>
    <row r="15" spans="1:43">
      <c r="A15" s="49" t="s">
        <v>442</v>
      </c>
      <c r="B15" s="104">
        <v>171</v>
      </c>
      <c r="C15" s="105">
        <v>5.2398841555229341</v>
      </c>
      <c r="D15" s="106">
        <v>0.19600000000000001</v>
      </c>
      <c r="E15" s="96">
        <v>0.15324460009745208</v>
      </c>
      <c r="F15" s="97">
        <v>5.558921329812129E-2</v>
      </c>
      <c r="G15" s="96">
        <v>9.9072503122966171E-2</v>
      </c>
      <c r="H15" s="97">
        <v>4.6970241577703235E-2</v>
      </c>
      <c r="I15" s="96">
        <v>0.67381739023401255</v>
      </c>
      <c r="J15" s="97">
        <v>7.1097980288513982E-2</v>
      </c>
      <c r="K15" s="96">
        <v>7.3865506545570309E-2</v>
      </c>
      <c r="L15" s="97">
        <v>4.1847561876168941E-2</v>
      </c>
      <c r="M15" s="95">
        <v>174</v>
      </c>
      <c r="N15" s="105">
        <v>5.9</v>
      </c>
      <c r="O15" s="106">
        <v>0.1764</v>
      </c>
      <c r="P15" s="96">
        <v>7.0833543911241789E-2</v>
      </c>
      <c r="Q15" s="97">
        <v>4.0779226997617088E-2</v>
      </c>
      <c r="R15" s="96">
        <v>8.7744442109732187E-2</v>
      </c>
      <c r="S15" s="97">
        <v>4.4367702889818408E-2</v>
      </c>
      <c r="T15" s="96">
        <v>0.82189380134458501</v>
      </c>
      <c r="U15" s="97">
        <v>5.824954798685697E-2</v>
      </c>
      <c r="V15" s="96">
        <v>1.9528212634442228E-2</v>
      </c>
      <c r="W15" s="97">
        <v>2.5706076632191092E-2</v>
      </c>
    </row>
    <row r="16" spans="1:43">
      <c r="A16" s="45" t="s">
        <v>443</v>
      </c>
      <c r="B16" s="100">
        <v>134</v>
      </c>
      <c r="C16" s="101">
        <v>5.3681639335711671</v>
      </c>
      <c r="D16" s="102">
        <v>0.21559999999999999</v>
      </c>
      <c r="E16" s="93">
        <v>8.0190011308391429E-2</v>
      </c>
      <c r="F16" s="94">
        <v>4.9293071985218477E-2</v>
      </c>
      <c r="G16" s="93">
        <v>8.8138442768585706E-2</v>
      </c>
      <c r="H16" s="94">
        <v>5.109274354734241E-2</v>
      </c>
      <c r="I16" s="93">
        <v>0.7943072813422104</v>
      </c>
      <c r="J16" s="94">
        <v>6.9851128360945022E-2</v>
      </c>
      <c r="K16" s="93">
        <v>3.7364264580812115E-2</v>
      </c>
      <c r="L16" s="94">
        <v>3.7376268285646157E-2</v>
      </c>
      <c r="M16" s="92">
        <v>134</v>
      </c>
      <c r="N16" s="101">
        <v>5.8</v>
      </c>
      <c r="O16" s="102">
        <v>0.23519999999999999</v>
      </c>
      <c r="P16" s="93">
        <v>5.8915727977316416E-2</v>
      </c>
      <c r="Q16" s="94">
        <v>4.3923443802013303E-2</v>
      </c>
      <c r="R16" s="93">
        <v>8.4882600665540278E-2</v>
      </c>
      <c r="S16" s="94">
        <v>5.0367482594151143E-2</v>
      </c>
      <c r="T16" s="93">
        <v>0.82660896122811311</v>
      </c>
      <c r="U16" s="94">
        <v>6.5810648394576926E-2</v>
      </c>
      <c r="V16" s="93">
        <v>2.9592710129030423E-2</v>
      </c>
      <c r="W16" s="94">
        <v>3.4623887892738597E-2</v>
      </c>
    </row>
    <row r="17" spans="1:45">
      <c r="A17" s="49" t="s">
        <v>444</v>
      </c>
      <c r="B17" s="104">
        <v>138</v>
      </c>
      <c r="C17" s="105">
        <v>5.2610558469039983</v>
      </c>
      <c r="D17" s="106">
        <v>0.19600000000000001</v>
      </c>
      <c r="E17" s="96">
        <v>4.2904353567515867E-2</v>
      </c>
      <c r="F17" s="97">
        <v>3.851791126140916E-2</v>
      </c>
      <c r="G17" s="96">
        <v>0.1841566139925627</v>
      </c>
      <c r="H17" s="97">
        <v>6.624408857936416E-2</v>
      </c>
      <c r="I17" s="96">
        <v>0.67511557262495214</v>
      </c>
      <c r="J17" s="97">
        <v>7.8907654200307167E-2</v>
      </c>
      <c r="K17" s="96">
        <v>9.7823459814970801E-2</v>
      </c>
      <c r="L17" s="97">
        <v>5.2336434716176994E-2</v>
      </c>
      <c r="M17" s="95">
        <v>139</v>
      </c>
      <c r="N17" s="105">
        <v>5.9</v>
      </c>
      <c r="O17" s="106">
        <v>0.19600000000000001</v>
      </c>
      <c r="P17" s="96">
        <v>5.2196865708126455E-2</v>
      </c>
      <c r="Q17" s="97">
        <v>4.1149151562280183E-2</v>
      </c>
      <c r="R17" s="96">
        <v>2.9452186376118353E-2</v>
      </c>
      <c r="S17" s="97">
        <v>3.3781850156020761E-2</v>
      </c>
      <c r="T17" s="96">
        <v>0.90685547741267614</v>
      </c>
      <c r="U17" s="97">
        <v>5.1168062541631809E-2</v>
      </c>
      <c r="V17" s="96">
        <v>1.149547050307977E-2</v>
      </c>
      <c r="W17" s="97">
        <v>2.6192888932363365E-2</v>
      </c>
    </row>
    <row r="18" spans="1:45">
      <c r="A18" s="45" t="s">
        <v>456</v>
      </c>
      <c r="B18" s="100">
        <v>509</v>
      </c>
      <c r="C18" s="101">
        <v>5.2573814035866446</v>
      </c>
      <c r="D18" s="102">
        <v>0.1176</v>
      </c>
      <c r="E18" s="93">
        <v>9.4407497171491772E-2</v>
      </c>
      <c r="F18" s="94">
        <v>2.6202109137633961E-2</v>
      </c>
      <c r="G18" s="93">
        <v>0.10798305908107682</v>
      </c>
      <c r="H18" s="94">
        <v>2.7742888263834597E-2</v>
      </c>
      <c r="I18" s="93">
        <v>0.75135513237185536</v>
      </c>
      <c r="J18" s="94">
        <v>3.8266736977133439E-2</v>
      </c>
      <c r="K18" s="93">
        <v>4.62543113755748E-2</v>
      </c>
      <c r="L18" s="94">
        <v>1.9207092859265456E-2</v>
      </c>
      <c r="M18" s="92">
        <v>511</v>
      </c>
      <c r="N18" s="101">
        <v>5.5</v>
      </c>
      <c r="O18" s="102">
        <v>0.13720000000000002</v>
      </c>
      <c r="P18" s="93">
        <v>8.6131292906841211E-2</v>
      </c>
      <c r="Q18" s="94">
        <v>2.5138549499563678E-2</v>
      </c>
      <c r="R18" s="93">
        <v>0.14725565232756099</v>
      </c>
      <c r="S18" s="94">
        <v>3.1468497417993596E-2</v>
      </c>
      <c r="T18" s="93">
        <v>0.75767122150539057</v>
      </c>
      <c r="U18" s="94">
        <v>3.7868746907476485E-2</v>
      </c>
      <c r="V18" s="93">
        <v>8.9418332602057438E-3</v>
      </c>
      <c r="W18" s="94">
        <v>9.8899438457166877E-3</v>
      </c>
    </row>
    <row r="19" spans="1:45" ht="25.5">
      <c r="A19" s="49" t="s">
        <v>445</v>
      </c>
      <c r="B19" s="104">
        <v>171</v>
      </c>
      <c r="C19" s="105">
        <v>5.0011481939800575</v>
      </c>
      <c r="D19" s="106">
        <v>0.21559999999999999</v>
      </c>
      <c r="E19" s="96">
        <v>0.15172818925563755</v>
      </c>
      <c r="F19" s="97">
        <v>5.5381938423450107E-2</v>
      </c>
      <c r="G19" s="96">
        <v>7.5340177734972077E-2</v>
      </c>
      <c r="H19" s="97">
        <v>4.2173451046300388E-2</v>
      </c>
      <c r="I19" s="96">
        <v>0.76289181547035545</v>
      </c>
      <c r="J19" s="97">
        <v>6.4853451746168217E-2</v>
      </c>
      <c r="K19" s="96">
        <v>1.0039817539035873E-2</v>
      </c>
      <c r="L19" s="97">
        <v>2.179793764048003E-2</v>
      </c>
      <c r="M19" s="95">
        <v>171</v>
      </c>
      <c r="N19" s="105">
        <v>5</v>
      </c>
      <c r="O19" s="106">
        <v>0.23519999999999999</v>
      </c>
      <c r="P19" s="96">
        <v>0.13818587728124759</v>
      </c>
      <c r="Q19" s="97">
        <v>5.3453655123974347E-2</v>
      </c>
      <c r="R19" s="96">
        <v>0.23681195097465901</v>
      </c>
      <c r="S19" s="97">
        <v>6.4827224739374162E-2</v>
      </c>
      <c r="T19" s="96">
        <v>0.60864994083890656</v>
      </c>
      <c r="U19" s="97">
        <v>7.3869177238966591E-2</v>
      </c>
      <c r="V19" s="96">
        <v>1.6352230905188045E-2</v>
      </c>
      <c r="W19" s="97">
        <v>2.4683547499494671E-2</v>
      </c>
    </row>
    <row r="20" spans="1:45">
      <c r="A20" s="45" t="s">
        <v>446</v>
      </c>
      <c r="B20" s="83">
        <v>113</v>
      </c>
      <c r="C20" s="84">
        <v>5.3142341081836451</v>
      </c>
      <c r="D20" s="85">
        <v>0.23519999999999999</v>
      </c>
      <c r="E20" s="98">
        <v>9.2928532838560507E-2</v>
      </c>
      <c r="F20" s="94">
        <v>5.7118722934100252E-2</v>
      </c>
      <c r="G20" s="98">
        <v>7.0384621407184197E-2</v>
      </c>
      <c r="H20" s="94">
        <v>5.1585138618897394E-2</v>
      </c>
      <c r="I20" s="98">
        <v>0.74756758281159241</v>
      </c>
      <c r="J20" s="94">
        <v>8.1193954654795869E-2</v>
      </c>
      <c r="K20" s="98">
        <v>8.9119262942663285E-2</v>
      </c>
      <c r="L20" s="94">
        <v>5.6242195305983893E-2</v>
      </c>
      <c r="M20" s="83">
        <v>113</v>
      </c>
      <c r="N20" s="84">
        <v>5.9</v>
      </c>
      <c r="O20" s="85">
        <v>0.23519999999999999</v>
      </c>
      <c r="P20" s="98">
        <v>2.3067495484729729E-2</v>
      </c>
      <c r="Q20" s="94">
        <v>3.5959453213068503E-2</v>
      </c>
      <c r="R20" s="98">
        <v>6.8398559395728531E-2</v>
      </c>
      <c r="S20" s="94">
        <v>5.1053700294822146E-2</v>
      </c>
      <c r="T20" s="98">
        <v>0.90069431224812646</v>
      </c>
      <c r="U20" s="94">
        <v>5.8539077532906665E-2</v>
      </c>
      <c r="V20" s="98">
        <v>7.8396328714155673E-3</v>
      </c>
      <c r="W20" s="94">
        <v>2.8678730382290581E-2</v>
      </c>
    </row>
    <row r="21" spans="1:45">
      <c r="A21" s="49" t="s">
        <v>447</v>
      </c>
      <c r="B21" s="104">
        <v>93</v>
      </c>
      <c r="C21" s="105">
        <v>5.266939484355194</v>
      </c>
      <c r="D21" s="106">
        <v>0.25480000000000003</v>
      </c>
      <c r="E21" s="96">
        <v>5.8908096471450649E-2</v>
      </c>
      <c r="F21" s="97">
        <v>5.4167908485424583E-2</v>
      </c>
      <c r="G21" s="96">
        <v>0.17372479226037221</v>
      </c>
      <c r="H21" s="97">
        <v>7.9208272306367178E-2</v>
      </c>
      <c r="I21" s="96">
        <v>0.69813748400479059</v>
      </c>
      <c r="J21" s="97">
        <v>9.3920912064018508E-2</v>
      </c>
      <c r="K21" s="96">
        <v>6.9229627263386731E-2</v>
      </c>
      <c r="L21" s="97">
        <v>5.7230051344073697E-2</v>
      </c>
      <c r="M21" s="95">
        <v>94</v>
      </c>
      <c r="N21" s="105">
        <v>5.6</v>
      </c>
      <c r="O21" s="106">
        <v>0.29399999999999998</v>
      </c>
      <c r="P21" s="96">
        <v>8.4440572026167157E-2</v>
      </c>
      <c r="Q21" s="97">
        <v>6.0985036288602031E-2</v>
      </c>
      <c r="R21" s="96">
        <v>0.1070148416760089</v>
      </c>
      <c r="S21" s="97">
        <v>6.6367101003684981E-2</v>
      </c>
      <c r="T21" s="96">
        <v>0.80854458629782411</v>
      </c>
      <c r="U21" s="97">
        <v>8.1419309548773966E-2</v>
      </c>
      <c r="V21" s="96">
        <v>0</v>
      </c>
      <c r="W21" s="97">
        <v>2.8565478049949598E-2</v>
      </c>
    </row>
    <row r="22" spans="1:45" ht="25.5" customHeight="1">
      <c r="A22" s="57" t="s">
        <v>448</v>
      </c>
      <c r="B22" s="100">
        <v>132</v>
      </c>
      <c r="C22" s="101">
        <v>5.6267508779879121</v>
      </c>
      <c r="D22" s="102">
        <v>0.21559999999999999</v>
      </c>
      <c r="E22" s="93">
        <v>3.8347514459933937E-2</v>
      </c>
      <c r="F22" s="94">
        <v>3.8051539431462569E-2</v>
      </c>
      <c r="G22" s="93">
        <v>0.14156337952881617</v>
      </c>
      <c r="H22" s="94">
        <v>6.1589129450459634E-2</v>
      </c>
      <c r="I22" s="93">
        <v>0.80208390942993701</v>
      </c>
      <c r="J22" s="94">
        <v>6.9458894840768975E-2</v>
      </c>
      <c r="K22" s="93">
        <v>1.800519658131304E-2</v>
      </c>
      <c r="L22" s="94">
        <v>3.0266397823143595E-2</v>
      </c>
      <c r="M22" s="92">
        <v>133</v>
      </c>
      <c r="N22" s="101">
        <v>5.5</v>
      </c>
      <c r="O22" s="102">
        <v>0.25480000000000003</v>
      </c>
      <c r="P22" s="93">
        <v>9.0320904413354525E-2</v>
      </c>
      <c r="Q22" s="94">
        <v>5.1777362024188964E-2</v>
      </c>
      <c r="R22" s="93">
        <v>0.15625490075047407</v>
      </c>
      <c r="S22" s="94">
        <v>6.3622626662330664E-2</v>
      </c>
      <c r="T22" s="93">
        <v>0.7449214040639105</v>
      </c>
      <c r="U22" s="94">
        <v>7.5157300765399268E-2</v>
      </c>
      <c r="V22" s="93">
        <v>8.5027907722613587E-3</v>
      </c>
      <c r="W22" s="94">
        <v>2.5534182756976401E-2</v>
      </c>
    </row>
    <row r="23" spans="1:45">
      <c r="A23" s="49" t="s">
        <v>457</v>
      </c>
      <c r="B23" s="104">
        <v>733</v>
      </c>
      <c r="C23" s="105">
        <v>5.4024767127950728</v>
      </c>
      <c r="D23" s="106">
        <v>7.8399999999999997E-2</v>
      </c>
      <c r="E23" s="96">
        <v>7.1200410430574526E-2</v>
      </c>
      <c r="F23" s="97">
        <v>1.9228168090756805E-2</v>
      </c>
      <c r="G23" s="96">
        <v>0.10390395433990482</v>
      </c>
      <c r="H23" s="97">
        <v>2.2683754202095029E-2</v>
      </c>
      <c r="I23" s="96">
        <v>0.77456663713287766</v>
      </c>
      <c r="J23" s="97">
        <v>3.085654217614749E-2</v>
      </c>
      <c r="K23" s="96">
        <v>5.0328998096643478E-2</v>
      </c>
      <c r="L23" s="97">
        <v>1.6470840359555487E-2</v>
      </c>
      <c r="M23" s="95">
        <v>735</v>
      </c>
      <c r="N23" s="105">
        <v>5.5</v>
      </c>
      <c r="O23" s="106">
        <v>9.8000000000000004E-2</v>
      </c>
      <c r="P23" s="96">
        <v>8.8324993554753289E-2</v>
      </c>
      <c r="Q23" s="97">
        <v>2.1112929095358803E-2</v>
      </c>
      <c r="R23" s="96">
        <v>0.11478376219980468</v>
      </c>
      <c r="S23" s="97">
        <v>2.3635768680393295E-2</v>
      </c>
      <c r="T23" s="96">
        <v>0.79423915800794231</v>
      </c>
      <c r="U23" s="97">
        <v>2.982656335046506E-2</v>
      </c>
      <c r="V23" s="96">
        <v>2.6520862374993237E-3</v>
      </c>
      <c r="W23" s="97">
        <v>5.3639057694419463E-3</v>
      </c>
    </row>
    <row r="24" spans="1:45">
      <c r="A24" s="57" t="s">
        <v>449</v>
      </c>
      <c r="B24" s="100">
        <v>131</v>
      </c>
      <c r="C24" s="101">
        <v>5.6000078306736265</v>
      </c>
      <c r="D24" s="102">
        <v>0.19600000000000001</v>
      </c>
      <c r="E24" s="93">
        <v>3.9269446611304965E-2</v>
      </c>
      <c r="F24" s="94">
        <v>3.8536224198356409E-2</v>
      </c>
      <c r="G24" s="93">
        <v>8.7215333164827213E-2</v>
      </c>
      <c r="H24" s="94">
        <v>5.1512381838653774E-2</v>
      </c>
      <c r="I24" s="93">
        <v>0.84912553998435147</v>
      </c>
      <c r="J24" s="94">
        <v>6.3298792954488009E-2</v>
      </c>
      <c r="K24" s="93">
        <v>2.4389680239516778E-2</v>
      </c>
      <c r="L24" s="94">
        <v>3.3110806568387031E-2</v>
      </c>
      <c r="M24" s="92">
        <v>133</v>
      </c>
      <c r="N24" s="101">
        <v>5.3</v>
      </c>
      <c r="O24" s="102">
        <v>0.25480000000000003</v>
      </c>
      <c r="P24" s="93">
        <v>0.13563976681305687</v>
      </c>
      <c r="Q24" s="94">
        <v>6.0383388767143234E-2</v>
      </c>
      <c r="R24" s="93">
        <v>0.14180668482984518</v>
      </c>
      <c r="S24" s="94">
        <v>6.1390288818169297E-2</v>
      </c>
      <c r="T24" s="93">
        <v>0.7225535483570984</v>
      </c>
      <c r="U24" s="94">
        <v>7.7047707807537252E-2</v>
      </c>
      <c r="V24" s="93">
        <v>0</v>
      </c>
      <c r="W24" s="94">
        <v>2.0494202685054641E-2</v>
      </c>
    </row>
    <row r="25" spans="1:45">
      <c r="A25" s="49" t="s">
        <v>450</v>
      </c>
      <c r="B25" s="104">
        <v>108</v>
      </c>
      <c r="C25" s="105">
        <v>5.7389545219940148</v>
      </c>
      <c r="D25" s="106">
        <v>0.21559999999999999</v>
      </c>
      <c r="E25" s="96">
        <v>3.9844454322703421E-2</v>
      </c>
      <c r="F25" s="97">
        <v>4.35526373975198E-2</v>
      </c>
      <c r="G25" s="96">
        <v>6.248427975260977E-2</v>
      </c>
      <c r="H25" s="97">
        <v>5.0712316727119428E-2</v>
      </c>
      <c r="I25" s="96">
        <v>0.78117888591820073</v>
      </c>
      <c r="J25" s="97">
        <v>7.9391625364823623E-2</v>
      </c>
      <c r="K25" s="96">
        <v>0.11649238000648633</v>
      </c>
      <c r="L25" s="97">
        <v>6.3594666213247178E-2</v>
      </c>
      <c r="M25" s="95">
        <v>107</v>
      </c>
      <c r="N25" s="105">
        <v>5.9</v>
      </c>
      <c r="O25" s="106">
        <v>0.23519999999999999</v>
      </c>
      <c r="P25" s="96">
        <v>2.7434776397781403E-2</v>
      </c>
      <c r="Q25" s="97">
        <v>3.9128843696075326E-2</v>
      </c>
      <c r="R25" s="96">
        <v>5.2138783491086811E-2</v>
      </c>
      <c r="S25" s="97">
        <v>4.7879748466223643E-2</v>
      </c>
      <c r="T25" s="96">
        <v>0.92042644011113173</v>
      </c>
      <c r="U25" s="97">
        <v>5.5589037181212379E-2</v>
      </c>
      <c r="V25" s="96">
        <v>0</v>
      </c>
      <c r="W25" s="97">
        <v>2.5250720474759302E-2</v>
      </c>
    </row>
    <row r="26" spans="1:45" ht="25.5">
      <c r="A26" s="57" t="s">
        <v>451</v>
      </c>
      <c r="B26" s="100">
        <v>188</v>
      </c>
      <c r="C26" s="101">
        <v>5.5564945751584736</v>
      </c>
      <c r="D26" s="102">
        <v>0.1764</v>
      </c>
      <c r="E26" s="93">
        <v>3.528414581248214E-2</v>
      </c>
      <c r="F26" s="94">
        <v>2.991091271858775E-2</v>
      </c>
      <c r="G26" s="93">
        <v>0.11915603347002472</v>
      </c>
      <c r="H26" s="94">
        <v>4.8075102443442472E-2</v>
      </c>
      <c r="I26" s="93">
        <v>0.82068476198576368</v>
      </c>
      <c r="J26" s="94">
        <v>5.6162264001703169E-2</v>
      </c>
      <c r="K26" s="93">
        <v>2.4875058731729537E-2</v>
      </c>
      <c r="L26" s="94">
        <v>2.6443453448297731E-2</v>
      </c>
      <c r="M26" s="92">
        <v>188</v>
      </c>
      <c r="N26" s="101">
        <v>6</v>
      </c>
      <c r="O26" s="102">
        <v>0.1764</v>
      </c>
      <c r="P26" s="99">
        <v>2.760333576806839E-2</v>
      </c>
      <c r="Q26" s="94">
        <v>2.7402406348378081E-2</v>
      </c>
      <c r="R26" s="93">
        <v>7.6199121770096689E-2</v>
      </c>
      <c r="S26" s="94">
        <v>4.0259184714821379E-2</v>
      </c>
      <c r="T26" s="93">
        <v>0.88534400255635359</v>
      </c>
      <c r="U26" s="94">
        <v>4.7353421702986842E-2</v>
      </c>
      <c r="V26" s="93">
        <v>1.0853539905482055E-2</v>
      </c>
      <c r="W26" s="94">
        <v>2.071696033487622E-2</v>
      </c>
    </row>
    <row r="27" spans="1:45">
      <c r="A27" s="49" t="s">
        <v>452</v>
      </c>
      <c r="B27" s="104">
        <v>84</v>
      </c>
      <c r="C27" s="105">
        <v>5.7843777515025518</v>
      </c>
      <c r="D27" s="106">
        <v>0.25480000000000003</v>
      </c>
      <c r="E27" s="96">
        <v>2.1746252646994951E-2</v>
      </c>
      <c r="F27" s="97">
        <v>4.3481505451185752E-2</v>
      </c>
      <c r="G27" s="96">
        <v>7.0782109535852122E-2</v>
      </c>
      <c r="H27" s="97">
        <v>6.1103253119495757E-2</v>
      </c>
      <c r="I27" s="96">
        <v>0.86450972945971283</v>
      </c>
      <c r="J27" s="97">
        <v>7.6555680027274392E-2</v>
      </c>
      <c r="K27" s="96">
        <v>4.2961908357439835E-2</v>
      </c>
      <c r="L27" s="97">
        <v>5.2081248842282761E-2</v>
      </c>
      <c r="M27" s="95">
        <v>83</v>
      </c>
      <c r="N27" s="105">
        <v>5.3</v>
      </c>
      <c r="O27" s="106">
        <v>0.3332</v>
      </c>
      <c r="P27" s="96">
        <v>8.3036530588679672E-2</v>
      </c>
      <c r="Q27" s="97">
        <v>6.4953012135344379E-2</v>
      </c>
      <c r="R27" s="96">
        <v>0.16395468783276601</v>
      </c>
      <c r="S27" s="97">
        <v>8.2272012005921463E-2</v>
      </c>
      <c r="T27" s="96">
        <v>0.75300878157855422</v>
      </c>
      <c r="U27" s="97">
        <v>9.3890994025122257E-2</v>
      </c>
      <c r="V27" s="96">
        <v>0</v>
      </c>
      <c r="W27" s="97">
        <v>3.2134798233390625E-2</v>
      </c>
    </row>
    <row r="28" spans="1:45">
      <c r="A28" s="57" t="s">
        <v>453</v>
      </c>
      <c r="B28" s="100">
        <v>92</v>
      </c>
      <c r="C28" s="101">
        <v>5.199620157255282</v>
      </c>
      <c r="D28" s="102">
        <v>0.27440000000000003</v>
      </c>
      <c r="E28" s="93">
        <v>0.11815600093619701</v>
      </c>
      <c r="F28" s="94">
        <v>6.9549871279115161E-2</v>
      </c>
      <c r="G28" s="93">
        <v>3.8063300533322443E-2</v>
      </c>
      <c r="H28" s="94">
        <v>4.7445649131545219E-2</v>
      </c>
      <c r="I28" s="93">
        <v>0.7923294037605777</v>
      </c>
      <c r="J28" s="94">
        <v>8.45371050462949E-2</v>
      </c>
      <c r="K28" s="93">
        <v>5.1451294769903247E-2</v>
      </c>
      <c r="L28" s="94">
        <v>5.2130081263692112E-2</v>
      </c>
      <c r="M28" s="92">
        <v>93</v>
      </c>
      <c r="N28" s="101">
        <v>5.8</v>
      </c>
      <c r="O28" s="102">
        <v>0.25480000000000003</v>
      </c>
      <c r="P28" s="99">
        <v>4.3096459789541838E-2</v>
      </c>
      <c r="Q28" s="94">
        <v>4.8948340750503014E-2</v>
      </c>
      <c r="R28" s="93">
        <v>8.7081121639750375E-2</v>
      </c>
      <c r="S28" s="94">
        <v>6.2017650281589225E-2</v>
      </c>
      <c r="T28" s="93">
        <v>0.86982241857070808</v>
      </c>
      <c r="U28" s="94">
        <v>7.1588368011653164E-2</v>
      </c>
      <c r="V28" s="93">
        <v>0</v>
      </c>
      <c r="W28" s="94">
        <v>2.885686812463846E-2</v>
      </c>
    </row>
    <row r="29" spans="1:45">
      <c r="A29" s="49" t="s">
        <v>454</v>
      </c>
      <c r="B29" s="104">
        <v>130</v>
      </c>
      <c r="C29" s="105">
        <v>4.8838300164555628</v>
      </c>
      <c r="D29" s="106">
        <v>0.23519999999999999</v>
      </c>
      <c r="E29" s="96">
        <v>0.13710841148692407</v>
      </c>
      <c r="F29" s="97">
        <v>6.1341826167038163E-2</v>
      </c>
      <c r="G29" s="96">
        <v>0.18723842999012194</v>
      </c>
      <c r="H29" s="97">
        <v>6.866162419977348E-2</v>
      </c>
      <c r="I29" s="96">
        <v>0.6295895316869442</v>
      </c>
      <c r="J29" s="97">
        <v>8.3611429452277314E-2</v>
      </c>
      <c r="K29" s="96">
        <v>4.6063626836011687E-2</v>
      </c>
      <c r="L29" s="97">
        <v>4.0907664994067318E-2</v>
      </c>
      <c r="M29" s="95">
        <v>131</v>
      </c>
      <c r="N29" s="105">
        <v>4.8</v>
      </c>
      <c r="O29" s="106">
        <v>0.23519999999999999</v>
      </c>
      <c r="P29" s="96">
        <v>0.20494888276368278</v>
      </c>
      <c r="Q29" s="97">
        <v>7.0559086999918405E-2</v>
      </c>
      <c r="R29" s="96">
        <v>0.19008283836115464</v>
      </c>
      <c r="S29" s="97">
        <v>6.875804105046672E-2</v>
      </c>
      <c r="T29" s="96">
        <v>0.60482499472405804</v>
      </c>
      <c r="U29" s="97">
        <v>8.4266461147962907E-2</v>
      </c>
      <c r="V29" s="96">
        <v>1.4328415110535585E-4</v>
      </c>
      <c r="W29" s="97">
        <v>2.0891420017906562E-2</v>
      </c>
    </row>
    <row r="32" spans="1:45" ht="21" customHeight="1">
      <c r="A32" s="321" t="s">
        <v>34</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321"/>
      <c r="AM32" s="321"/>
      <c r="AN32" s="321"/>
      <c r="AO32" s="321"/>
      <c r="AP32" s="321"/>
      <c r="AQ32" s="321"/>
      <c r="AR32" s="321"/>
      <c r="AS32" s="321"/>
    </row>
    <row r="33" spans="1:45" ht="73.5" customHeight="1">
      <c r="A33" s="330" t="s">
        <v>382</v>
      </c>
      <c r="B33" s="330"/>
      <c r="C33" s="330"/>
      <c r="D33" s="330"/>
      <c r="E33" s="330"/>
      <c r="F33" s="330"/>
      <c r="G33" s="330"/>
      <c r="H33" s="330"/>
      <c r="I33" s="330"/>
      <c r="J33" s="330"/>
      <c r="K33" s="330"/>
      <c r="L33" s="330"/>
      <c r="M33" s="330"/>
      <c r="N33" s="330"/>
      <c r="O33" s="330"/>
      <c r="P33" s="330"/>
      <c r="Q33" s="330"/>
      <c r="R33" s="330"/>
      <c r="S33" s="330"/>
      <c r="T33" s="330"/>
      <c r="U33" s="330"/>
      <c r="V33" s="330"/>
      <c r="W33" s="330"/>
      <c r="X33" s="330"/>
      <c r="Y33" s="330"/>
      <c r="Z33" s="330"/>
      <c r="AA33" s="330"/>
      <c r="AB33" s="330"/>
      <c r="AC33" s="330"/>
      <c r="AD33" s="330"/>
      <c r="AE33" s="330"/>
      <c r="AF33" s="330"/>
      <c r="AG33" s="330"/>
      <c r="AH33" s="330"/>
      <c r="AI33" s="330"/>
      <c r="AJ33" s="330"/>
      <c r="AK33" s="330"/>
      <c r="AL33" s="330"/>
      <c r="AM33" s="330"/>
      <c r="AN33" s="330"/>
      <c r="AO33" s="330"/>
      <c r="AP33" s="330"/>
      <c r="AQ33" s="330"/>
      <c r="AR33" s="330"/>
      <c r="AS33" s="330"/>
    </row>
    <row r="34" spans="1:45" ht="37.5" customHeight="1">
      <c r="A34" s="64"/>
      <c r="B34" s="343" t="s">
        <v>105</v>
      </c>
      <c r="C34" s="344"/>
      <c r="D34" s="344"/>
      <c r="E34" s="344"/>
      <c r="F34" s="344"/>
      <c r="G34" s="344"/>
      <c r="H34" s="344"/>
      <c r="I34" s="344"/>
      <c r="J34" s="344"/>
      <c r="K34" s="344"/>
      <c r="L34" s="345"/>
      <c r="M34" s="343" t="s">
        <v>106</v>
      </c>
      <c r="N34" s="344"/>
      <c r="O34" s="344"/>
      <c r="P34" s="344"/>
      <c r="Q34" s="344"/>
      <c r="R34" s="344"/>
      <c r="S34" s="344"/>
      <c r="T34" s="344"/>
      <c r="U34" s="344"/>
      <c r="V34" s="344"/>
      <c r="W34" s="345"/>
      <c r="X34" s="331" t="s">
        <v>107</v>
      </c>
      <c r="Y34" s="332"/>
      <c r="Z34" s="332"/>
      <c r="AA34" s="332"/>
      <c r="AB34" s="332"/>
      <c r="AC34" s="332"/>
      <c r="AD34" s="332"/>
      <c r="AE34" s="332"/>
      <c r="AF34" s="332"/>
      <c r="AG34" s="332"/>
      <c r="AH34" s="333"/>
      <c r="AI34" s="331" t="s">
        <v>108</v>
      </c>
      <c r="AJ34" s="332"/>
      <c r="AK34" s="332"/>
      <c r="AL34" s="332"/>
      <c r="AM34" s="332"/>
      <c r="AN34" s="332"/>
      <c r="AO34" s="332"/>
      <c r="AP34" s="332"/>
      <c r="AQ34" s="332"/>
      <c r="AR34" s="332"/>
      <c r="AS34" s="333"/>
    </row>
    <row r="35" spans="1:45" ht="72">
      <c r="A35" s="37" t="s">
        <v>85</v>
      </c>
      <c r="B35" s="38" t="s">
        <v>86</v>
      </c>
      <c r="C35" s="39" t="s">
        <v>87</v>
      </c>
      <c r="D35" s="40" t="s">
        <v>88</v>
      </c>
      <c r="E35" s="38" t="s">
        <v>184</v>
      </c>
      <c r="F35" s="89" t="s">
        <v>109</v>
      </c>
      <c r="G35" s="38" t="s">
        <v>185</v>
      </c>
      <c r="H35" s="89" t="s">
        <v>110</v>
      </c>
      <c r="I35" s="38" t="s">
        <v>186</v>
      </c>
      <c r="J35" s="89" t="s">
        <v>111</v>
      </c>
      <c r="K35" s="38" t="s">
        <v>357</v>
      </c>
      <c r="L35" s="89" t="s">
        <v>356</v>
      </c>
      <c r="M35" s="65" t="s">
        <v>86</v>
      </c>
      <c r="N35" s="66" t="s">
        <v>87</v>
      </c>
      <c r="O35" s="67" t="s">
        <v>88</v>
      </c>
      <c r="P35" s="65" t="s">
        <v>187</v>
      </c>
      <c r="Q35" s="88" t="s">
        <v>112</v>
      </c>
      <c r="R35" s="65" t="s">
        <v>188</v>
      </c>
      <c r="S35" s="88" t="s">
        <v>113</v>
      </c>
      <c r="T35" s="65" t="s">
        <v>189</v>
      </c>
      <c r="U35" s="88" t="s">
        <v>114</v>
      </c>
      <c r="V35" s="65" t="s">
        <v>357</v>
      </c>
      <c r="W35" s="88" t="s">
        <v>356</v>
      </c>
      <c r="X35" s="38" t="s">
        <v>86</v>
      </c>
      <c r="Y35" s="39" t="s">
        <v>87</v>
      </c>
      <c r="Z35" s="40" t="s">
        <v>88</v>
      </c>
      <c r="AA35" s="38" t="s">
        <v>190</v>
      </c>
      <c r="AB35" s="89" t="s">
        <v>115</v>
      </c>
      <c r="AC35" s="38" t="s">
        <v>191</v>
      </c>
      <c r="AD35" s="89" t="s">
        <v>116</v>
      </c>
      <c r="AE35" s="38" t="s">
        <v>192</v>
      </c>
      <c r="AF35" s="89" t="s">
        <v>117</v>
      </c>
      <c r="AG35" s="38" t="s">
        <v>357</v>
      </c>
      <c r="AH35" s="89" t="s">
        <v>356</v>
      </c>
      <c r="AI35" s="65" t="s">
        <v>86</v>
      </c>
      <c r="AJ35" s="66" t="s">
        <v>87</v>
      </c>
      <c r="AK35" s="67" t="s">
        <v>88</v>
      </c>
      <c r="AL35" s="65" t="s">
        <v>193</v>
      </c>
      <c r="AM35" s="88" t="s">
        <v>118</v>
      </c>
      <c r="AN35" s="65" t="s">
        <v>194</v>
      </c>
      <c r="AO35" s="88" t="s">
        <v>119</v>
      </c>
      <c r="AP35" s="65" t="s">
        <v>195</v>
      </c>
      <c r="AQ35" s="88" t="s">
        <v>120</v>
      </c>
      <c r="AR35" s="65" t="s">
        <v>357</v>
      </c>
      <c r="AS35" s="88" t="s">
        <v>356</v>
      </c>
    </row>
    <row r="36" spans="1:45" ht="93" customHeight="1">
      <c r="A36" s="41"/>
      <c r="B36" s="42" t="s">
        <v>89</v>
      </c>
      <c r="C36" s="43" t="s">
        <v>121</v>
      </c>
      <c r="D36" s="44" t="s">
        <v>91</v>
      </c>
      <c r="E36" s="42" t="s">
        <v>181</v>
      </c>
      <c r="F36" s="91" t="s">
        <v>104</v>
      </c>
      <c r="G36" s="42" t="s">
        <v>182</v>
      </c>
      <c r="H36" s="91" t="s">
        <v>104</v>
      </c>
      <c r="I36" s="42" t="s">
        <v>183</v>
      </c>
      <c r="J36" s="91" t="s">
        <v>104</v>
      </c>
      <c r="K36" s="42" t="s">
        <v>357</v>
      </c>
      <c r="L36" s="91" t="s">
        <v>104</v>
      </c>
      <c r="M36" s="68" t="s">
        <v>89</v>
      </c>
      <c r="N36" s="69" t="s">
        <v>121</v>
      </c>
      <c r="O36" s="70" t="s">
        <v>91</v>
      </c>
      <c r="P36" s="68" t="s">
        <v>181</v>
      </c>
      <c r="Q36" s="90" t="s">
        <v>104</v>
      </c>
      <c r="R36" s="68" t="s">
        <v>182</v>
      </c>
      <c r="S36" s="90" t="s">
        <v>104</v>
      </c>
      <c r="T36" s="68" t="s">
        <v>183</v>
      </c>
      <c r="U36" s="90" t="s">
        <v>104</v>
      </c>
      <c r="V36" s="68" t="s">
        <v>357</v>
      </c>
      <c r="W36" s="90" t="s">
        <v>104</v>
      </c>
      <c r="X36" s="42" t="s">
        <v>89</v>
      </c>
      <c r="Y36" s="43" t="s">
        <v>121</v>
      </c>
      <c r="Z36" s="44" t="s">
        <v>91</v>
      </c>
      <c r="AA36" s="42" t="s">
        <v>181</v>
      </c>
      <c r="AB36" s="91" t="s">
        <v>104</v>
      </c>
      <c r="AC36" s="42" t="s">
        <v>182</v>
      </c>
      <c r="AD36" s="91" t="s">
        <v>104</v>
      </c>
      <c r="AE36" s="42" t="s">
        <v>183</v>
      </c>
      <c r="AF36" s="91" t="s">
        <v>104</v>
      </c>
      <c r="AG36" s="42" t="s">
        <v>357</v>
      </c>
      <c r="AH36" s="91" t="s">
        <v>104</v>
      </c>
      <c r="AI36" s="68" t="s">
        <v>89</v>
      </c>
      <c r="AJ36" s="69" t="s">
        <v>121</v>
      </c>
      <c r="AK36" s="70" t="s">
        <v>91</v>
      </c>
      <c r="AL36" s="68" t="s">
        <v>181</v>
      </c>
      <c r="AM36" s="90" t="s">
        <v>104</v>
      </c>
      <c r="AN36" s="68" t="s">
        <v>182</v>
      </c>
      <c r="AO36" s="90" t="s">
        <v>104</v>
      </c>
      <c r="AP36" s="68" t="s">
        <v>183</v>
      </c>
      <c r="AQ36" s="90" t="s">
        <v>104</v>
      </c>
      <c r="AR36" s="68" t="s">
        <v>357</v>
      </c>
      <c r="AS36" s="90" t="s">
        <v>104</v>
      </c>
    </row>
    <row r="37" spans="1:45">
      <c r="A37" s="45" t="s">
        <v>436</v>
      </c>
      <c r="B37" s="100">
        <v>8579</v>
      </c>
      <c r="C37" s="101">
        <v>4.5</v>
      </c>
      <c r="D37" s="102">
        <v>3.9199999999999999E-2</v>
      </c>
      <c r="E37" s="103">
        <v>0.217</v>
      </c>
      <c r="F37" s="94">
        <v>8.9005438874569607E-3</v>
      </c>
      <c r="G37" s="103">
        <v>0.24399999999999999</v>
      </c>
      <c r="H37" s="94">
        <v>9.2733815502201253E-3</v>
      </c>
      <c r="I37" s="103">
        <v>0.52</v>
      </c>
      <c r="J37" s="94">
        <v>1.0785320473258423E-2</v>
      </c>
      <c r="K37" s="93">
        <v>1.9E-2</v>
      </c>
      <c r="L37" s="94">
        <v>2.9642788130103989E-3</v>
      </c>
      <c r="M37" s="100">
        <v>8573</v>
      </c>
      <c r="N37" s="101">
        <v>4.7</v>
      </c>
      <c r="O37" s="102">
        <v>3.9199999999999999E-2</v>
      </c>
      <c r="P37" s="103">
        <v>0.157</v>
      </c>
      <c r="Q37" s="94">
        <v>7.8596974369174438E-3</v>
      </c>
      <c r="R37" s="103">
        <v>0.248</v>
      </c>
      <c r="S37" s="94">
        <v>9.3275157526843833E-3</v>
      </c>
      <c r="T37" s="103">
        <v>0.57799999999999996</v>
      </c>
      <c r="U37" s="94">
        <v>1.0665653882230933E-2</v>
      </c>
      <c r="V37" s="93">
        <v>1.7000000000000001E-2</v>
      </c>
      <c r="W37" s="94">
        <v>2.8097785764018457E-3</v>
      </c>
      <c r="X37" s="100">
        <v>8549</v>
      </c>
      <c r="Y37" s="101">
        <v>4.0999999999999996</v>
      </c>
      <c r="Z37" s="102">
        <v>3.9199999999999999E-2</v>
      </c>
      <c r="AA37" s="103">
        <v>0.151</v>
      </c>
      <c r="AB37" s="94">
        <v>7.746507017582273E-3</v>
      </c>
      <c r="AC37" s="103">
        <v>0.248</v>
      </c>
      <c r="AD37" s="94">
        <v>9.3405974024513751E-3</v>
      </c>
      <c r="AE37" s="103">
        <v>0.58599999999999997</v>
      </c>
      <c r="AF37" s="94">
        <v>1.0651871744154428E-2</v>
      </c>
      <c r="AG37" s="93">
        <v>1.4999999999999999E-2</v>
      </c>
      <c r="AH37" s="94">
        <v>2.6481555205133981E-3</v>
      </c>
      <c r="AI37" s="100">
        <v>8542</v>
      </c>
      <c r="AJ37" s="101">
        <v>4.8</v>
      </c>
      <c r="AK37" s="102">
        <v>3.9199999999999999E-2</v>
      </c>
      <c r="AL37" s="103">
        <v>0.28199999999999997</v>
      </c>
      <c r="AM37" s="94">
        <v>9.7360550885938011E-3</v>
      </c>
      <c r="AN37" s="103">
        <v>0.26300000000000001</v>
      </c>
      <c r="AO37" s="94">
        <v>9.5261859184403042E-3</v>
      </c>
      <c r="AP37" s="103">
        <v>0.38900000000000001</v>
      </c>
      <c r="AQ37" s="94">
        <v>1.0547620410977942E-2</v>
      </c>
      <c r="AR37" s="93">
        <v>6.6000000000000003E-2</v>
      </c>
      <c r="AS37" s="94">
        <v>5.3791547440763463E-3</v>
      </c>
    </row>
    <row r="38" spans="1:45">
      <c r="A38" s="49" t="s">
        <v>437</v>
      </c>
      <c r="B38" s="104">
        <v>8696</v>
      </c>
      <c r="C38" s="105">
        <v>4.4594611108365676</v>
      </c>
      <c r="D38" s="106">
        <v>3.9199999999999999E-2</v>
      </c>
      <c r="E38" s="107">
        <v>0.23499999999999999</v>
      </c>
      <c r="F38" s="97">
        <v>9.0931213074317858E-3</v>
      </c>
      <c r="G38" s="107">
        <v>0.24199999999999999</v>
      </c>
      <c r="H38" s="97">
        <v>9.1851252615988647E-3</v>
      </c>
      <c r="I38" s="107">
        <v>0.505</v>
      </c>
      <c r="J38" s="97">
        <v>1.072058977154507E-2</v>
      </c>
      <c r="K38" s="96">
        <v>1.9E-2</v>
      </c>
      <c r="L38" s="97">
        <v>2.9440527887616471E-3</v>
      </c>
      <c r="M38" s="104">
        <v>8886</v>
      </c>
      <c r="N38" s="105">
        <v>4.7</v>
      </c>
      <c r="O38" s="106">
        <v>3.9199999999999999E-2</v>
      </c>
      <c r="P38" s="107">
        <v>0.16900000000000001</v>
      </c>
      <c r="Q38" s="97">
        <v>7.9519810379309573E-3</v>
      </c>
      <c r="R38" s="107">
        <v>0.245</v>
      </c>
      <c r="S38" s="97">
        <v>9.1243996556466256E-3</v>
      </c>
      <c r="T38" s="107">
        <v>0.56999999999999995</v>
      </c>
      <c r="U38" s="97">
        <v>1.050158075747489E-2</v>
      </c>
      <c r="V38" s="96">
        <v>1.6E-2</v>
      </c>
      <c r="W38" s="97">
        <v>2.679317662789837E-3</v>
      </c>
      <c r="X38" s="104">
        <v>7949</v>
      </c>
      <c r="Y38" s="105">
        <v>4.0999999999999996</v>
      </c>
      <c r="Z38" s="106">
        <v>3.9199999999999999E-2</v>
      </c>
      <c r="AA38" s="107">
        <v>0.152</v>
      </c>
      <c r="AB38" s="97">
        <v>8.0554406463226938E-3</v>
      </c>
      <c r="AC38" s="107">
        <v>0.251</v>
      </c>
      <c r="AD38" s="97">
        <v>9.7255524671177353E-3</v>
      </c>
      <c r="AE38" s="107">
        <v>0.58499999999999996</v>
      </c>
      <c r="AF38" s="97">
        <v>1.1050272417136468E-2</v>
      </c>
      <c r="AG38" s="96">
        <v>1.2E-2</v>
      </c>
      <c r="AH38" s="97">
        <v>2.4664723881987986E-3</v>
      </c>
      <c r="AI38" s="104">
        <v>7943</v>
      </c>
      <c r="AJ38" s="105">
        <v>4.8</v>
      </c>
      <c r="AK38" s="106">
        <v>3.1064098662889769E-2</v>
      </c>
      <c r="AL38" s="107">
        <v>0.29799999999999999</v>
      </c>
      <c r="AM38" s="97">
        <v>1.0262370733535442E-2</v>
      </c>
      <c r="AN38" s="107">
        <v>0.26500000000000001</v>
      </c>
      <c r="AO38" s="97">
        <v>9.9027758777084224E-3</v>
      </c>
      <c r="AP38" s="107">
        <v>0.38100000000000001</v>
      </c>
      <c r="AQ38" s="97">
        <v>1.0895554149113808E-2</v>
      </c>
      <c r="AR38" s="96">
        <v>5.7000000000000002E-2</v>
      </c>
      <c r="AS38" s="97">
        <v>5.2109644305612162E-3</v>
      </c>
    </row>
    <row r="39" spans="1:45">
      <c r="A39" s="45" t="s">
        <v>438</v>
      </c>
      <c r="B39" s="100">
        <v>776</v>
      </c>
      <c r="C39" s="101">
        <v>4.4854630000000002</v>
      </c>
      <c r="D39" s="102">
        <v>0.11200224</v>
      </c>
      <c r="E39" s="103">
        <v>0.21099999999999999</v>
      </c>
      <c r="F39" s="94">
        <v>2.9293687879203952E-2</v>
      </c>
      <c r="G39" s="103">
        <v>0.24</v>
      </c>
      <c r="H39" s="94">
        <v>3.0641981889738368E-2</v>
      </c>
      <c r="I39" s="103">
        <v>0.51100000000000001</v>
      </c>
      <c r="J39" s="94">
        <v>3.5797166328443888E-2</v>
      </c>
      <c r="K39" s="93">
        <v>3.7999999999999999E-2</v>
      </c>
      <c r="L39" s="94">
        <v>1.4094835565632262E-2</v>
      </c>
      <c r="M39" s="100">
        <v>775</v>
      </c>
      <c r="N39" s="101">
        <v>4.6161969999999997</v>
      </c>
      <c r="O39" s="102">
        <v>9.871344E-2</v>
      </c>
      <c r="P39" s="103">
        <v>0.17399999999999999</v>
      </c>
      <c r="Q39" s="94">
        <v>2.7268701222223194E-2</v>
      </c>
      <c r="R39" s="103">
        <v>0.246</v>
      </c>
      <c r="S39" s="94">
        <v>3.0916247869434862E-2</v>
      </c>
      <c r="T39" s="103">
        <v>0.54300000000000004</v>
      </c>
      <c r="U39" s="94">
        <v>3.5697339893335706E-2</v>
      </c>
      <c r="V39" s="93">
        <v>3.7999999999999999E-2</v>
      </c>
      <c r="W39" s="94">
        <v>1.4104388338444851E-2</v>
      </c>
      <c r="X39" s="100">
        <v>775</v>
      </c>
      <c r="Y39" s="101">
        <v>4.3922639999999999</v>
      </c>
      <c r="Z39" s="102">
        <v>0.10447388000000001</v>
      </c>
      <c r="AA39" s="103">
        <v>0.191</v>
      </c>
      <c r="AB39" s="94">
        <v>2.8256757126653952E-2</v>
      </c>
      <c r="AC39" s="103">
        <v>0.246</v>
      </c>
      <c r="AD39" s="94">
        <v>3.0916247869434862E-2</v>
      </c>
      <c r="AE39" s="103">
        <v>0.45</v>
      </c>
      <c r="AF39" s="94">
        <v>3.56509686938574E-2</v>
      </c>
      <c r="AG39" s="93">
        <v>0.113</v>
      </c>
      <c r="AH39" s="94">
        <v>2.2859184424296783E-2</v>
      </c>
      <c r="AI39" s="100">
        <v>771</v>
      </c>
      <c r="AJ39" s="101">
        <v>4.6649089999999998</v>
      </c>
      <c r="AK39" s="102">
        <v>0.10943268</v>
      </c>
      <c r="AL39" s="103">
        <v>0.19500000000000001</v>
      </c>
      <c r="AM39" s="94">
        <v>2.8550602952036635E-2</v>
      </c>
      <c r="AN39" s="103">
        <v>0.217</v>
      </c>
      <c r="AO39" s="94">
        <v>2.9685281825217638E-2</v>
      </c>
      <c r="AP39" s="103">
        <v>0.55100000000000005</v>
      </c>
      <c r="AQ39" s="94">
        <v>3.5735644426145609E-2</v>
      </c>
      <c r="AR39" s="93">
        <v>3.6999999999999998E-2</v>
      </c>
      <c r="AS39" s="94">
        <v>1.397474786793693E-2</v>
      </c>
    </row>
    <row r="40" spans="1:45">
      <c r="A40" s="49" t="s">
        <v>439</v>
      </c>
      <c r="B40" s="104">
        <v>3248</v>
      </c>
      <c r="C40" s="105">
        <v>4.5999999999999996</v>
      </c>
      <c r="D40" s="106">
        <v>5.8799999999999998E-2</v>
      </c>
      <c r="E40" s="107">
        <v>0.18099999999999999</v>
      </c>
      <c r="F40" s="97">
        <v>1.3514566903183646E-2</v>
      </c>
      <c r="G40" s="107">
        <v>0.24099999999999999</v>
      </c>
      <c r="H40" s="97">
        <v>1.5006514346875152E-2</v>
      </c>
      <c r="I40" s="107">
        <v>0.56499999999999995</v>
      </c>
      <c r="J40" s="97">
        <v>1.7387324390515511E-2</v>
      </c>
      <c r="K40" s="96">
        <v>1.2999999999999999E-2</v>
      </c>
      <c r="L40" s="97">
        <v>4.0619560291326072E-3</v>
      </c>
      <c r="M40" s="104">
        <v>3249</v>
      </c>
      <c r="N40" s="105">
        <v>4.8</v>
      </c>
      <c r="O40" s="106">
        <v>3.9199999999999999E-2</v>
      </c>
      <c r="P40" s="107">
        <v>0.123</v>
      </c>
      <c r="Q40" s="97">
        <v>1.1535657890079752E-2</v>
      </c>
      <c r="R40" s="107">
        <v>0.252</v>
      </c>
      <c r="S40" s="97">
        <v>1.5230462858705445E-2</v>
      </c>
      <c r="T40" s="107">
        <v>0.61099999999999999</v>
      </c>
      <c r="U40" s="97">
        <v>1.7096650519352705E-2</v>
      </c>
      <c r="V40" s="96">
        <v>1.4E-2</v>
      </c>
      <c r="W40" s="97">
        <v>4.2056733048442688E-3</v>
      </c>
      <c r="X40" s="104">
        <v>3234</v>
      </c>
      <c r="Y40" s="105">
        <v>4.0999999999999996</v>
      </c>
      <c r="Z40" s="106">
        <v>5.8799999999999998E-2</v>
      </c>
      <c r="AA40" s="107">
        <v>0.152</v>
      </c>
      <c r="AB40" s="97">
        <v>1.2633231768408278E-2</v>
      </c>
      <c r="AC40" s="107">
        <v>0.26100000000000001</v>
      </c>
      <c r="AD40" s="97">
        <v>1.5441616896186072E-2</v>
      </c>
      <c r="AE40" s="107">
        <v>0.57599999999999996</v>
      </c>
      <c r="AF40" s="97">
        <v>1.7369944213502183E-2</v>
      </c>
      <c r="AG40" s="96">
        <v>1.0999999999999999E-2</v>
      </c>
      <c r="AH40" s="97">
        <v>3.7641102862468159E-3</v>
      </c>
      <c r="AI40" s="104">
        <v>3234</v>
      </c>
      <c r="AJ40" s="105">
        <v>4.8</v>
      </c>
      <c r="AK40" s="106">
        <v>5.8799999999999998E-2</v>
      </c>
      <c r="AL40" s="107">
        <v>0.27</v>
      </c>
      <c r="AM40" s="97">
        <v>1.5609131536323356E-2</v>
      </c>
      <c r="AN40" s="107">
        <v>0.27900000000000003</v>
      </c>
      <c r="AO40" s="97">
        <v>1.5768538704231796E-2</v>
      </c>
      <c r="AP40" s="107">
        <v>0.372</v>
      </c>
      <c r="AQ40" s="97">
        <v>1.6989494785070877E-2</v>
      </c>
      <c r="AR40" s="96">
        <v>7.9000000000000001E-2</v>
      </c>
      <c r="AS40" s="97">
        <v>9.5090498120661924E-3</v>
      </c>
    </row>
    <row r="41" spans="1:45">
      <c r="A41" s="45" t="s">
        <v>440</v>
      </c>
      <c r="B41" s="100">
        <v>2980</v>
      </c>
      <c r="C41" s="101">
        <v>4.63</v>
      </c>
      <c r="D41" s="102">
        <v>5.8799999999999998E-2</v>
      </c>
      <c r="E41" s="103">
        <v>0.18</v>
      </c>
      <c r="F41" s="94">
        <v>1.4079168477780906E-2</v>
      </c>
      <c r="G41" s="103">
        <v>0.23699999999999999</v>
      </c>
      <c r="H41" s="94">
        <v>1.5577201813518451E-2</v>
      </c>
      <c r="I41" s="103">
        <v>0.57099999999999995</v>
      </c>
      <c r="J41" s="94">
        <v>1.8121296170963457E-2</v>
      </c>
      <c r="K41" s="93">
        <v>1.2999999999999999E-2</v>
      </c>
      <c r="L41" s="94">
        <v>4.2487051576815277E-3</v>
      </c>
      <c r="M41" s="100">
        <v>2980</v>
      </c>
      <c r="N41" s="101">
        <v>4.83</v>
      </c>
      <c r="O41" s="102">
        <v>3.9199999999999999E-2</v>
      </c>
      <c r="P41" s="103">
        <v>0.125</v>
      </c>
      <c r="Q41" s="94">
        <v>1.2129316513419803E-2</v>
      </c>
      <c r="R41" s="103">
        <v>0.247</v>
      </c>
      <c r="S41" s="94">
        <v>1.5797074884521884E-2</v>
      </c>
      <c r="T41" s="103">
        <v>0.61499999999999999</v>
      </c>
      <c r="U41" s="94">
        <v>1.781685318379388E-2</v>
      </c>
      <c r="V41" s="93">
        <v>1.2999999999999999E-2</v>
      </c>
      <c r="W41" s="94">
        <v>4.2487051576815277E-3</v>
      </c>
      <c r="X41" s="100">
        <v>2830</v>
      </c>
      <c r="Y41" s="101">
        <v>4.12</v>
      </c>
      <c r="Z41" s="102">
        <v>5.8799999999999998E-2</v>
      </c>
      <c r="AA41" s="103">
        <v>0.28100000000000003</v>
      </c>
      <c r="AB41" s="94">
        <v>1.6892465399917404E-2</v>
      </c>
      <c r="AC41" s="103">
        <v>0.27500000000000002</v>
      </c>
      <c r="AD41" s="94">
        <v>1.6781118480962174E-2</v>
      </c>
      <c r="AE41" s="103">
        <v>0.374</v>
      </c>
      <c r="AF41" s="94">
        <v>1.8180029066358305E-2</v>
      </c>
      <c r="AG41" s="93">
        <v>7.0000000000000007E-2</v>
      </c>
      <c r="AH41" s="94">
        <v>9.6239512020533449E-3</v>
      </c>
      <c r="AI41" s="100">
        <v>2971</v>
      </c>
      <c r="AJ41" s="101">
        <v>4.74</v>
      </c>
      <c r="AK41" s="102">
        <v>5.8799999999999998E-2</v>
      </c>
      <c r="AL41" s="103">
        <v>0.152</v>
      </c>
      <c r="AM41" s="94">
        <v>1.3181165013251214E-2</v>
      </c>
      <c r="AN41" s="103">
        <v>0.26800000000000002</v>
      </c>
      <c r="AO41" s="94">
        <v>1.6246861964815083E-2</v>
      </c>
      <c r="AP41" s="103">
        <v>0.56799999999999995</v>
      </c>
      <c r="AQ41" s="94">
        <v>1.8164085940461695E-2</v>
      </c>
      <c r="AR41" s="93">
        <v>1.2E-2</v>
      </c>
      <c r="AS41" s="94">
        <v>4.0989372206441848E-3</v>
      </c>
    </row>
    <row r="42" spans="1:45">
      <c r="A42" s="49" t="s">
        <v>455</v>
      </c>
      <c r="B42" s="104">
        <v>524</v>
      </c>
      <c r="C42" s="105">
        <v>4.7</v>
      </c>
      <c r="D42" s="106">
        <v>0.1176</v>
      </c>
      <c r="E42" s="107">
        <v>0.187</v>
      </c>
      <c r="F42" s="97">
        <v>3.4102092282403108E-2</v>
      </c>
      <c r="G42" s="107">
        <v>0.224</v>
      </c>
      <c r="H42" s="97">
        <v>3.6408229372499989E-2</v>
      </c>
      <c r="I42" s="107">
        <v>0.55900000000000005</v>
      </c>
      <c r="J42" s="97">
        <v>4.3219974920618381E-2</v>
      </c>
      <c r="K42" s="96">
        <v>3.1E-2</v>
      </c>
      <c r="L42" s="97">
        <v>1.5897188240022141E-2</v>
      </c>
      <c r="M42" s="104">
        <v>523</v>
      </c>
      <c r="N42" s="105">
        <v>4.9000000000000004</v>
      </c>
      <c r="O42" s="106">
        <v>0.1176</v>
      </c>
      <c r="P42" s="107">
        <v>9.8000000000000004E-2</v>
      </c>
      <c r="Q42" s="97">
        <v>2.6258080043233139E-2</v>
      </c>
      <c r="R42" s="107">
        <v>0.23300000000000001</v>
      </c>
      <c r="S42" s="97">
        <v>3.6940803868371945E-2</v>
      </c>
      <c r="T42" s="107">
        <v>0.63700000000000001</v>
      </c>
      <c r="U42" s="97">
        <v>4.1919307785921789E-2</v>
      </c>
      <c r="V42" s="96">
        <v>3.1E-2</v>
      </c>
      <c r="W42" s="97">
        <v>1.591376057368846E-2</v>
      </c>
      <c r="X42" s="104">
        <v>518</v>
      </c>
      <c r="Y42" s="105">
        <v>4.3</v>
      </c>
      <c r="Z42" s="106">
        <v>0.1176</v>
      </c>
      <c r="AA42" s="107">
        <v>0.152</v>
      </c>
      <c r="AB42" s="97">
        <v>3.1652433448470851E-2</v>
      </c>
      <c r="AC42" s="107">
        <v>0.255</v>
      </c>
      <c r="AD42" s="97">
        <v>3.8246167640235106E-2</v>
      </c>
      <c r="AE42" s="107">
        <v>0.56999999999999995</v>
      </c>
      <c r="AF42" s="97">
        <v>4.3344367124178801E-2</v>
      </c>
      <c r="AG42" s="96">
        <v>2.3E-2</v>
      </c>
      <c r="AH42" s="97">
        <v>1.4099991629948893E-2</v>
      </c>
      <c r="AI42" s="104">
        <v>518</v>
      </c>
      <c r="AJ42" s="105">
        <v>4.8</v>
      </c>
      <c r="AK42" s="106">
        <v>0.13720000000000002</v>
      </c>
      <c r="AL42" s="107">
        <v>0.26200000000000001</v>
      </c>
      <c r="AM42" s="97">
        <v>3.8578256158900939E-2</v>
      </c>
      <c r="AN42" s="107">
        <v>0.26400000000000001</v>
      </c>
      <c r="AO42" s="97">
        <v>3.8670858683601504E-2</v>
      </c>
      <c r="AP42" s="107">
        <v>0.42099999999999999</v>
      </c>
      <c r="AQ42" s="97">
        <v>4.3227481772756343E-2</v>
      </c>
      <c r="AR42" s="96">
        <v>5.2999999999999999E-2</v>
      </c>
      <c r="AS42" s="97">
        <v>2.0198530788168738E-2</v>
      </c>
    </row>
    <row r="43" spans="1:45">
      <c r="A43" s="45" t="s">
        <v>441</v>
      </c>
      <c r="B43" s="100">
        <v>106</v>
      </c>
      <c r="C43" s="101">
        <v>4.3</v>
      </c>
      <c r="D43" s="102">
        <v>0.29399999999999998</v>
      </c>
      <c r="E43" s="103">
        <v>0.32700000000000001</v>
      </c>
      <c r="F43" s="94">
        <v>8.9890454343710527E-2</v>
      </c>
      <c r="G43" s="103">
        <v>0.14499999999999999</v>
      </c>
      <c r="H43" s="94">
        <v>6.9537121523126147E-2</v>
      </c>
      <c r="I43" s="103">
        <v>0.51900000000000002</v>
      </c>
      <c r="J43" s="94">
        <v>9.528231299957228E-2</v>
      </c>
      <c r="K43" s="93">
        <v>8.9999999999999993E-3</v>
      </c>
      <c r="L43" s="94">
        <v>3.0827012265204984E-2</v>
      </c>
      <c r="M43" s="100">
        <v>106</v>
      </c>
      <c r="N43" s="101">
        <v>4.5999999999999996</v>
      </c>
      <c r="O43" s="102">
        <v>0.27440000000000003</v>
      </c>
      <c r="P43" s="103">
        <v>0.20599999999999999</v>
      </c>
      <c r="Q43" s="94">
        <v>7.8563456461701181E-2</v>
      </c>
      <c r="R43" s="103">
        <v>0.221</v>
      </c>
      <c r="S43" s="94">
        <v>8.0389332939690167E-2</v>
      </c>
      <c r="T43" s="103">
        <v>0.57299999999999995</v>
      </c>
      <c r="U43" s="94">
        <v>9.4397903872104241E-2</v>
      </c>
      <c r="V43" s="93">
        <v>0</v>
      </c>
      <c r="W43" s="94">
        <v>2.5478147263468021E-2</v>
      </c>
      <c r="X43" s="100">
        <v>106</v>
      </c>
      <c r="Y43" s="101">
        <v>4.0999999999999996</v>
      </c>
      <c r="Z43" s="102">
        <v>0.27440000000000003</v>
      </c>
      <c r="AA43" s="103">
        <v>0.251</v>
      </c>
      <c r="AB43" s="94">
        <v>8.3649958722584003E-2</v>
      </c>
      <c r="AC43" s="103">
        <v>0.24299999999999999</v>
      </c>
      <c r="AD43" s="94">
        <v>8.2828898364081624E-2</v>
      </c>
      <c r="AE43" s="103">
        <v>0.50600000000000001</v>
      </c>
      <c r="AF43" s="94">
        <v>9.5339883970887385E-2</v>
      </c>
      <c r="AG43" s="93">
        <v>0</v>
      </c>
      <c r="AH43" s="94">
        <v>2.5478147263468021E-2</v>
      </c>
      <c r="AI43" s="100">
        <v>106</v>
      </c>
      <c r="AJ43" s="101">
        <v>4.4000000000000004</v>
      </c>
      <c r="AK43" s="102">
        <v>0.31359999999999999</v>
      </c>
      <c r="AL43" s="103">
        <v>0.27</v>
      </c>
      <c r="AM43" s="94">
        <v>8.5467127612486635E-2</v>
      </c>
      <c r="AN43" s="103">
        <v>0.29199999999999998</v>
      </c>
      <c r="AO43" s="94">
        <v>8.7349926186622587E-2</v>
      </c>
      <c r="AP43" s="103">
        <v>0.41299999999999998</v>
      </c>
      <c r="AQ43" s="94">
        <v>9.3996414657394139E-2</v>
      </c>
      <c r="AR43" s="93">
        <v>2.5000000000000001E-2</v>
      </c>
      <c r="AS43" s="94">
        <v>3.8369374056852305E-2</v>
      </c>
    </row>
    <row r="44" spans="1:45">
      <c r="A44" s="49" t="s">
        <v>442</v>
      </c>
      <c r="B44" s="104">
        <v>161</v>
      </c>
      <c r="C44" s="105">
        <v>4.8</v>
      </c>
      <c r="D44" s="106">
        <v>0.21559999999999999</v>
      </c>
      <c r="E44" s="107">
        <v>0.18</v>
      </c>
      <c r="F44" s="97">
        <v>6.080364193701876E-2</v>
      </c>
      <c r="G44" s="107">
        <v>0.23200000000000001</v>
      </c>
      <c r="H44" s="97">
        <v>6.6353719750008019E-2</v>
      </c>
      <c r="I44" s="107">
        <v>0.56899999999999995</v>
      </c>
      <c r="J44" s="97">
        <v>7.7140884627686229E-2</v>
      </c>
      <c r="K44" s="96">
        <v>1.9E-2</v>
      </c>
      <c r="L44" s="97">
        <v>2.684208965202468E-2</v>
      </c>
      <c r="M44" s="104">
        <v>161</v>
      </c>
      <c r="N44" s="105">
        <v>5</v>
      </c>
      <c r="O44" s="106">
        <v>0.21559999999999999</v>
      </c>
      <c r="P44" s="107">
        <v>7.6999999999999999E-2</v>
      </c>
      <c r="Q44" s="97">
        <v>4.3939680348643831E-2</v>
      </c>
      <c r="R44" s="107">
        <v>0.22800000000000001</v>
      </c>
      <c r="S44" s="97">
        <v>6.5976969901776553E-2</v>
      </c>
      <c r="T44" s="107">
        <v>0.66</v>
      </c>
      <c r="U44" s="97">
        <v>7.3957590980614302E-2</v>
      </c>
      <c r="V44" s="96">
        <v>3.5000000000000003E-2</v>
      </c>
      <c r="W44" s="97">
        <v>3.2708654024342664E-2</v>
      </c>
      <c r="X44" s="104">
        <v>159</v>
      </c>
      <c r="Y44" s="105">
        <v>4.2</v>
      </c>
      <c r="Z44" s="106">
        <v>0.21559999999999999</v>
      </c>
      <c r="AA44" s="107">
        <v>0.13</v>
      </c>
      <c r="AB44" s="97">
        <v>5.4206280953000001E-2</v>
      </c>
      <c r="AC44" s="107">
        <v>0.24099999999999999</v>
      </c>
      <c r="AD44" s="97">
        <v>6.759150534097054E-2</v>
      </c>
      <c r="AE44" s="107">
        <v>0.61</v>
      </c>
      <c r="AF44" s="97">
        <v>7.6501185418167431E-2</v>
      </c>
      <c r="AG44" s="96">
        <v>1.9E-2</v>
      </c>
      <c r="AH44" s="97">
        <v>2.7067202991463393E-2</v>
      </c>
      <c r="AI44" s="104">
        <v>158</v>
      </c>
      <c r="AJ44" s="105">
        <v>5.0999999999999996</v>
      </c>
      <c r="AK44" s="106">
        <v>0.21559999999999999</v>
      </c>
      <c r="AL44" s="107">
        <v>0.30399999999999999</v>
      </c>
      <c r="AM44" s="97">
        <v>7.2598620127647215E-2</v>
      </c>
      <c r="AN44" s="107">
        <v>0.24399999999999999</v>
      </c>
      <c r="AO44" s="97">
        <v>6.8070477419732253E-2</v>
      </c>
      <c r="AP44" s="107">
        <v>0.40600000000000003</v>
      </c>
      <c r="AQ44" s="97">
        <v>7.7235403942147465E-2</v>
      </c>
      <c r="AR44" s="96">
        <v>4.5999999999999999E-2</v>
      </c>
      <c r="AS44" s="97">
        <v>3.6493499021640591E-2</v>
      </c>
    </row>
    <row r="45" spans="1:45">
      <c r="A45" s="45" t="s">
        <v>443</v>
      </c>
      <c r="B45" s="100">
        <v>124</v>
      </c>
      <c r="C45" s="101">
        <v>4.5999999999999996</v>
      </c>
      <c r="D45" s="102">
        <v>0.23519999999999999</v>
      </c>
      <c r="E45" s="103">
        <v>0.192</v>
      </c>
      <c r="F45" s="94">
        <v>7.0925215759056734E-2</v>
      </c>
      <c r="G45" s="103">
        <v>0.313</v>
      </c>
      <c r="H45" s="94">
        <v>8.2382949746507297E-2</v>
      </c>
      <c r="I45" s="103">
        <v>0.441</v>
      </c>
      <c r="J45" s="94">
        <v>8.7808947986156544E-2</v>
      </c>
      <c r="K45" s="93">
        <v>5.3999999999999999E-2</v>
      </c>
      <c r="L45" s="94">
        <v>4.4483844010266102E-2</v>
      </c>
      <c r="M45" s="100">
        <v>123</v>
      </c>
      <c r="N45" s="101">
        <v>4.8</v>
      </c>
      <c r="O45" s="102">
        <v>0.21559999999999999</v>
      </c>
      <c r="P45" s="103">
        <v>0.121</v>
      </c>
      <c r="Q45" s="94">
        <v>6.0252685714380347E-2</v>
      </c>
      <c r="R45" s="103">
        <v>0.26500000000000001</v>
      </c>
      <c r="S45" s="94">
        <v>7.9009409755139592E-2</v>
      </c>
      <c r="T45" s="103">
        <v>0.56399999999999995</v>
      </c>
      <c r="U45" s="94">
        <v>8.8051157733454774E-2</v>
      </c>
      <c r="V45" s="93">
        <v>4.9000000000000002E-2</v>
      </c>
      <c r="W45" s="94">
        <v>4.3184237143820005E-2</v>
      </c>
      <c r="X45" s="100">
        <v>123</v>
      </c>
      <c r="Y45" s="101">
        <v>3.8</v>
      </c>
      <c r="Z45" s="102">
        <v>0.25480000000000003</v>
      </c>
      <c r="AA45" s="103">
        <v>0.114</v>
      </c>
      <c r="AB45" s="94">
        <v>5.8925221656444635E-2</v>
      </c>
      <c r="AC45" s="103">
        <v>0.29899999999999999</v>
      </c>
      <c r="AD45" s="94">
        <v>8.1733938827222172E-2</v>
      </c>
      <c r="AE45" s="103">
        <v>0.54300000000000004</v>
      </c>
      <c r="AF45" s="94">
        <v>8.8427315804844225E-2</v>
      </c>
      <c r="AG45" s="93">
        <v>4.3999999999999997E-2</v>
      </c>
      <c r="AH45" s="94">
        <v>4.1604079821183637E-2</v>
      </c>
      <c r="AI45" s="100">
        <v>122</v>
      </c>
      <c r="AJ45" s="101">
        <v>4.9000000000000004</v>
      </c>
      <c r="AK45" s="102">
        <v>0.23519999999999999</v>
      </c>
      <c r="AL45" s="103">
        <v>0.39800000000000002</v>
      </c>
      <c r="AM45" s="94">
        <v>8.7331894965945123E-2</v>
      </c>
      <c r="AN45" s="103">
        <v>0.29799999999999999</v>
      </c>
      <c r="AO45" s="94">
        <v>8.1988308778984026E-2</v>
      </c>
      <c r="AP45" s="103">
        <v>0.26</v>
      </c>
      <c r="AQ45" s="94">
        <v>7.8880881255444929E-2</v>
      </c>
      <c r="AR45" s="93">
        <v>4.3999999999999997E-2</v>
      </c>
      <c r="AS45" s="94">
        <v>4.1807087431185851E-2</v>
      </c>
    </row>
    <row r="46" spans="1:45">
      <c r="A46" s="49" t="s">
        <v>444</v>
      </c>
      <c r="B46" s="104">
        <v>133</v>
      </c>
      <c r="C46" s="105">
        <v>4.9000000000000004</v>
      </c>
      <c r="D46" s="106">
        <v>0.25480000000000003</v>
      </c>
      <c r="E46" s="107">
        <v>0.114</v>
      </c>
      <c r="F46" s="97">
        <v>5.6562730967091711E-2</v>
      </c>
      <c r="G46" s="107">
        <v>0.20300000000000001</v>
      </c>
      <c r="H46" s="97">
        <v>6.9799858830936076E-2</v>
      </c>
      <c r="I46" s="107">
        <v>0.64300000000000002</v>
      </c>
      <c r="J46" s="97">
        <v>8.2076636796150182E-2</v>
      </c>
      <c r="K46" s="96">
        <v>0.04</v>
      </c>
      <c r="L46" s="97">
        <v>3.8427416396578866E-2</v>
      </c>
      <c r="M46" s="104">
        <v>133</v>
      </c>
      <c r="N46" s="105">
        <v>5.0999999999999996</v>
      </c>
      <c r="O46" s="106">
        <v>0.21559999999999999</v>
      </c>
      <c r="P46" s="107">
        <v>4.9000000000000002E-2</v>
      </c>
      <c r="Q46" s="97">
        <v>4.1258677480089809E-2</v>
      </c>
      <c r="R46" s="107">
        <v>0.22600000000000001</v>
      </c>
      <c r="S46" s="97">
        <v>7.2342252244825878E-2</v>
      </c>
      <c r="T46" s="107">
        <v>0.69299999999999995</v>
      </c>
      <c r="U46" s="97">
        <v>7.9210404546110127E-2</v>
      </c>
      <c r="V46" s="96">
        <v>3.2000000000000001E-2</v>
      </c>
      <c r="W46" s="97">
        <v>3.5670434443483681E-2</v>
      </c>
      <c r="X46" s="104">
        <v>130</v>
      </c>
      <c r="Y46" s="105">
        <v>4.8</v>
      </c>
      <c r="Z46" s="106">
        <v>0.25480000000000003</v>
      </c>
      <c r="AA46" s="107">
        <v>0.14299999999999999</v>
      </c>
      <c r="AB46" s="97">
        <v>6.2305537454865043E-2</v>
      </c>
      <c r="AC46" s="107">
        <v>0.248</v>
      </c>
      <c r="AD46" s="97">
        <v>7.5356010220930483E-2</v>
      </c>
      <c r="AE46" s="107">
        <v>0.58099999999999996</v>
      </c>
      <c r="AF46" s="97">
        <v>8.5313269112225698E-2</v>
      </c>
      <c r="AG46" s="96">
        <v>2.7E-2</v>
      </c>
      <c r="AH46" s="97">
        <v>3.4307041043653341E-2</v>
      </c>
      <c r="AI46" s="104">
        <v>132</v>
      </c>
      <c r="AJ46" s="105">
        <v>4.7</v>
      </c>
      <c r="AK46" s="106">
        <v>0.27440000000000003</v>
      </c>
      <c r="AL46" s="107">
        <v>0.13100000000000001</v>
      </c>
      <c r="AM46" s="97">
        <v>5.9835727143782234E-2</v>
      </c>
      <c r="AN46" s="107">
        <v>0.248</v>
      </c>
      <c r="AO46" s="97">
        <v>7.4789232308438425E-2</v>
      </c>
      <c r="AP46" s="107">
        <v>0.53900000000000003</v>
      </c>
      <c r="AQ46" s="97">
        <v>8.5503208547345763E-2</v>
      </c>
      <c r="AR46" s="96">
        <v>8.2000000000000003E-2</v>
      </c>
      <c r="AS46" s="97">
        <v>5.0118312088444764E-2</v>
      </c>
    </row>
    <row r="47" spans="1:45">
      <c r="A47" s="45" t="s">
        <v>456</v>
      </c>
      <c r="B47" s="100">
        <v>479</v>
      </c>
      <c r="C47" s="101">
        <v>4.5</v>
      </c>
      <c r="D47" s="102">
        <v>0.13720000000000002</v>
      </c>
      <c r="E47" s="103">
        <v>0.22900000000000001</v>
      </c>
      <c r="F47" s="94">
        <v>3.8369498881928595E-2</v>
      </c>
      <c r="G47" s="103">
        <v>0.23100000000000001</v>
      </c>
      <c r="H47" s="94">
        <v>3.8483957889264037E-2</v>
      </c>
      <c r="I47" s="103">
        <v>0.53600000000000003</v>
      </c>
      <c r="J47" s="94">
        <v>4.5385432578024493E-2</v>
      </c>
      <c r="K47" s="93">
        <v>5.0000000000000001E-3</v>
      </c>
      <c r="L47" s="94">
        <v>8.6412656202232013E-3</v>
      </c>
      <c r="M47" s="100">
        <v>482</v>
      </c>
      <c r="N47" s="101">
        <v>4.9000000000000004</v>
      </c>
      <c r="O47" s="102">
        <v>0.1176</v>
      </c>
      <c r="P47" s="103">
        <v>0.128</v>
      </c>
      <c r="Q47" s="94">
        <v>3.0615705341220184E-2</v>
      </c>
      <c r="R47" s="103">
        <v>0.20599999999999999</v>
      </c>
      <c r="S47" s="94">
        <v>3.6849260241254504E-2</v>
      </c>
      <c r="T47" s="103">
        <v>0.66300000000000003</v>
      </c>
      <c r="U47" s="94">
        <v>4.2924620502393013E-2</v>
      </c>
      <c r="V47" s="93">
        <v>3.0000000000000001E-3</v>
      </c>
      <c r="W47" s="94">
        <v>7.6121298551132489E-3</v>
      </c>
      <c r="X47" s="100">
        <v>481</v>
      </c>
      <c r="Y47" s="101">
        <v>4.3</v>
      </c>
      <c r="Z47" s="102">
        <v>0.13720000000000002</v>
      </c>
      <c r="AA47" s="103">
        <v>0.13100000000000001</v>
      </c>
      <c r="AB47" s="94">
        <v>3.0940673923655578E-2</v>
      </c>
      <c r="AC47" s="103">
        <v>0.26600000000000001</v>
      </c>
      <c r="AD47" s="94">
        <v>4.0220368974147103E-2</v>
      </c>
      <c r="AE47" s="103">
        <v>0.59599999999999997</v>
      </c>
      <c r="AF47" s="94">
        <v>4.4576854946129396E-2</v>
      </c>
      <c r="AG47" s="93">
        <v>7.0000000000000001E-3</v>
      </c>
      <c r="AH47" s="94">
        <v>9.5003086143134376E-3</v>
      </c>
      <c r="AI47" s="100">
        <v>480</v>
      </c>
      <c r="AJ47" s="101">
        <v>4.8</v>
      </c>
      <c r="AK47" s="102">
        <v>0.1176</v>
      </c>
      <c r="AL47" s="103">
        <v>0.21199999999999999</v>
      </c>
      <c r="AM47" s="94">
        <v>3.7308332220246182E-2</v>
      </c>
      <c r="AN47" s="103">
        <v>0.25800000000000001</v>
      </c>
      <c r="AO47" s="94">
        <v>3.9875840362656928E-2</v>
      </c>
      <c r="AP47" s="103">
        <v>0.44700000000000001</v>
      </c>
      <c r="AQ47" s="94">
        <v>4.5202687506366648E-2</v>
      </c>
      <c r="AR47" s="93">
        <v>8.3000000000000004E-2</v>
      </c>
      <c r="AS47" s="94">
        <v>2.5547447592007933E-2</v>
      </c>
    </row>
    <row r="48" spans="1:45" ht="25.5">
      <c r="A48" s="49" t="s">
        <v>445</v>
      </c>
      <c r="B48" s="104">
        <v>155</v>
      </c>
      <c r="C48" s="105">
        <v>4.3</v>
      </c>
      <c r="D48" s="106">
        <v>0.21559999999999999</v>
      </c>
      <c r="E48" s="107">
        <v>0.20799999999999999</v>
      </c>
      <c r="F48" s="97">
        <v>6.5198690065986747E-2</v>
      </c>
      <c r="G48" s="107">
        <v>0.32300000000000001</v>
      </c>
      <c r="H48" s="97">
        <v>7.4433284329681618E-2</v>
      </c>
      <c r="I48" s="107">
        <v>0.45800000000000002</v>
      </c>
      <c r="J48" s="97">
        <v>7.9038823086215085E-2</v>
      </c>
      <c r="K48" s="96">
        <v>1.0999999999999999E-2</v>
      </c>
      <c r="L48" s="97">
        <v>2.3928041424218321E-2</v>
      </c>
      <c r="M48" s="104">
        <v>157</v>
      </c>
      <c r="N48" s="105">
        <v>4.5999999999999996</v>
      </c>
      <c r="O48" s="106">
        <v>0.21559999999999999</v>
      </c>
      <c r="P48" s="107">
        <v>0.18099999999999999</v>
      </c>
      <c r="Q48" s="97">
        <v>6.1701069420292388E-2</v>
      </c>
      <c r="R48" s="107">
        <v>0.26800000000000002</v>
      </c>
      <c r="S48" s="97">
        <v>7.0281998271640528E-2</v>
      </c>
      <c r="T48" s="107">
        <v>0.54600000000000004</v>
      </c>
      <c r="U48" s="97">
        <v>7.8493238500541906E-2</v>
      </c>
      <c r="V48" s="96">
        <v>5.0000000000000001E-3</v>
      </c>
      <c r="W48" s="97">
        <v>2.0550746832957347E-2</v>
      </c>
      <c r="X48" s="104">
        <v>157</v>
      </c>
      <c r="Y48" s="105">
        <v>4</v>
      </c>
      <c r="Z48" s="106">
        <v>0.21559999999999999</v>
      </c>
      <c r="AA48" s="107">
        <v>0.13400000000000001</v>
      </c>
      <c r="AB48" s="97">
        <v>5.5194183026591792E-2</v>
      </c>
      <c r="AC48" s="107">
        <v>0.27600000000000002</v>
      </c>
      <c r="AD48" s="97">
        <v>7.0892490687961121E-2</v>
      </c>
      <c r="AE48" s="107">
        <v>0.58299999999999996</v>
      </c>
      <c r="AF48" s="97">
        <v>7.7771613121697183E-2</v>
      </c>
      <c r="AG48" s="96">
        <v>7.0000000000000001E-3</v>
      </c>
      <c r="AH48" s="97">
        <v>2.1656806188583077E-2</v>
      </c>
      <c r="AI48" s="104">
        <v>157</v>
      </c>
      <c r="AJ48" s="105">
        <v>4.8</v>
      </c>
      <c r="AK48" s="106">
        <v>0.19600000000000001</v>
      </c>
      <c r="AL48" s="107">
        <v>0.26100000000000001</v>
      </c>
      <c r="AM48" s="97">
        <v>6.9725647284630862E-2</v>
      </c>
      <c r="AN48" s="107">
        <v>0.28799999999999998</v>
      </c>
      <c r="AO48" s="97">
        <v>7.1758999711975344E-2</v>
      </c>
      <c r="AP48" s="107">
        <v>0.41099999999999998</v>
      </c>
      <c r="AQ48" s="97">
        <v>7.761470385515544E-2</v>
      </c>
      <c r="AR48" s="96">
        <v>0.04</v>
      </c>
      <c r="AS48" s="97">
        <v>3.4814030679579493E-2</v>
      </c>
    </row>
    <row r="49" spans="1:45">
      <c r="A49" s="45" t="s">
        <v>446</v>
      </c>
      <c r="B49" s="83">
        <v>107</v>
      </c>
      <c r="C49" s="84">
        <v>5</v>
      </c>
      <c r="D49" s="85">
        <v>0.27440000000000003</v>
      </c>
      <c r="E49" s="98">
        <v>0.20200000000000001</v>
      </c>
      <c r="F49" s="94">
        <v>7.7687516308731594E-2</v>
      </c>
      <c r="G49" s="98">
        <v>0.14199999999999999</v>
      </c>
      <c r="H49" s="94">
        <v>6.8683006487892342E-2</v>
      </c>
      <c r="I49" s="98">
        <v>0.65100000000000002</v>
      </c>
      <c r="J49" s="94">
        <v>9.0804751637856382E-2</v>
      </c>
      <c r="K49" s="98">
        <v>6.0000000000000001E-3</v>
      </c>
      <c r="L49" s="94">
        <v>2.8936261756226364E-2</v>
      </c>
      <c r="M49" s="83">
        <v>107</v>
      </c>
      <c r="N49" s="84">
        <v>5.2</v>
      </c>
      <c r="O49" s="85">
        <v>0.25480000000000003</v>
      </c>
      <c r="P49" s="98">
        <v>0.127</v>
      </c>
      <c r="Q49" s="94">
        <v>6.5955934775838429E-2</v>
      </c>
      <c r="R49" s="98">
        <v>0.114</v>
      </c>
      <c r="S49" s="94">
        <v>6.3401754844486055E-2</v>
      </c>
      <c r="T49" s="98">
        <v>0.753</v>
      </c>
      <c r="U49" s="94">
        <v>8.2859077030635539E-2</v>
      </c>
      <c r="V49" s="98">
        <v>6.0000000000000001E-3</v>
      </c>
      <c r="W49" s="94">
        <v>2.8936261756226364E-2</v>
      </c>
      <c r="X49" s="83">
        <v>106</v>
      </c>
      <c r="Y49" s="84">
        <v>4.9000000000000004</v>
      </c>
      <c r="Z49" s="85">
        <v>0.29399999999999998</v>
      </c>
      <c r="AA49" s="98">
        <v>0.123</v>
      </c>
      <c r="AB49" s="94">
        <v>6.5510503077931465E-2</v>
      </c>
      <c r="AC49" s="98">
        <v>0.14599999999999999</v>
      </c>
      <c r="AD49" s="94">
        <v>6.9709053488352032E-2</v>
      </c>
      <c r="AE49" s="98">
        <v>0.73099999999999998</v>
      </c>
      <c r="AF49" s="94">
        <v>8.5376011108081601E-2</v>
      </c>
      <c r="AG49" s="98">
        <v>0</v>
      </c>
      <c r="AH49" s="94">
        <v>2.5478147263468021E-2</v>
      </c>
      <c r="AI49" s="83">
        <v>106</v>
      </c>
      <c r="AJ49" s="84">
        <v>5.0999999999999996</v>
      </c>
      <c r="AK49" s="85">
        <v>0.25480000000000003</v>
      </c>
      <c r="AL49" s="98">
        <v>7.0999999999999994E-2</v>
      </c>
      <c r="AM49" s="94">
        <v>5.3631890106201147E-2</v>
      </c>
      <c r="AN49" s="98">
        <v>0.249</v>
      </c>
      <c r="AO49" s="94">
        <v>8.344787895374145E-2</v>
      </c>
      <c r="AP49" s="98">
        <v>0.55700000000000005</v>
      </c>
      <c r="AQ49" s="94">
        <v>9.4769192291922641E-2</v>
      </c>
      <c r="AR49" s="98">
        <v>0.123</v>
      </c>
      <c r="AS49" s="94">
        <v>6.5510503077931465E-2</v>
      </c>
    </row>
    <row r="50" spans="1:45">
      <c r="A50" s="49" t="s">
        <v>447</v>
      </c>
      <c r="B50" s="104">
        <v>90</v>
      </c>
      <c r="C50" s="105">
        <v>4.5999999999999996</v>
      </c>
      <c r="D50" s="106">
        <v>0.3528</v>
      </c>
      <c r="E50" s="107">
        <v>0.19900000000000001</v>
      </c>
      <c r="F50" s="97">
        <v>8.4285650443099366E-2</v>
      </c>
      <c r="G50" s="107">
        <v>0.24199999999999999</v>
      </c>
      <c r="H50" s="97">
        <v>8.9675654066743438E-2</v>
      </c>
      <c r="I50" s="107">
        <v>0.55800000000000005</v>
      </c>
      <c r="J50" s="97">
        <v>0.10250401267251932</v>
      </c>
      <c r="K50" s="96">
        <v>0</v>
      </c>
      <c r="L50" s="97">
        <v>2.976782656907849E-2</v>
      </c>
      <c r="M50" s="104">
        <v>90</v>
      </c>
      <c r="N50" s="105">
        <v>5.2</v>
      </c>
      <c r="O50" s="106">
        <v>0.29399999999999998</v>
      </c>
      <c r="P50" s="107">
        <v>6.9000000000000006E-2</v>
      </c>
      <c r="Q50" s="97">
        <v>5.8240906732412501E-2</v>
      </c>
      <c r="R50" s="107">
        <v>0.183</v>
      </c>
      <c r="S50" s="97">
        <v>8.1965559046394632E-2</v>
      </c>
      <c r="T50" s="107">
        <v>0.749</v>
      </c>
      <c r="U50" s="97">
        <v>9.0662669379226291E-2</v>
      </c>
      <c r="V50" s="96">
        <v>0</v>
      </c>
      <c r="W50" s="97">
        <v>2.976782656907849E-2</v>
      </c>
      <c r="X50" s="104">
        <v>90</v>
      </c>
      <c r="Y50" s="105">
        <v>4.4000000000000004</v>
      </c>
      <c r="Z50" s="106">
        <v>0.31359999999999999</v>
      </c>
      <c r="AA50" s="107">
        <v>0.123</v>
      </c>
      <c r="AB50" s="97">
        <v>7.1372478632212175E-2</v>
      </c>
      <c r="AC50" s="107">
        <v>0.38900000000000001</v>
      </c>
      <c r="AD50" s="97">
        <v>0.10078527526631709</v>
      </c>
      <c r="AE50" s="107">
        <v>0.46899999999999997</v>
      </c>
      <c r="AF50" s="97">
        <v>0.10296023753880887</v>
      </c>
      <c r="AG50" s="96">
        <v>0.02</v>
      </c>
      <c r="AH50" s="97">
        <v>4.062873329977592E-2</v>
      </c>
      <c r="AI50" s="104">
        <v>90</v>
      </c>
      <c r="AJ50" s="105">
        <v>4.5</v>
      </c>
      <c r="AK50" s="106">
        <v>0.31359999999999999</v>
      </c>
      <c r="AL50" s="107">
        <v>0.18099999999999999</v>
      </c>
      <c r="AM50" s="97">
        <v>8.1662315706662714E-2</v>
      </c>
      <c r="AN50" s="107">
        <v>0.19900000000000001</v>
      </c>
      <c r="AO50" s="97">
        <v>8.4285650443099366E-2</v>
      </c>
      <c r="AP50" s="107">
        <v>0.49</v>
      </c>
      <c r="AQ50" s="97">
        <v>0.10312321272434713</v>
      </c>
      <c r="AR50" s="96">
        <v>0.129</v>
      </c>
      <c r="AS50" s="97">
        <v>7.2588578581359017E-2</v>
      </c>
    </row>
    <row r="51" spans="1:45" ht="24.75" customHeight="1">
      <c r="A51" s="57" t="s">
        <v>448</v>
      </c>
      <c r="B51" s="100">
        <v>127</v>
      </c>
      <c r="C51" s="101">
        <v>4</v>
      </c>
      <c r="D51" s="102">
        <v>0.27440000000000003</v>
      </c>
      <c r="E51" s="103">
        <v>0.33800000000000002</v>
      </c>
      <c r="F51" s="94">
        <v>8.2948382463094467E-2</v>
      </c>
      <c r="G51" s="103">
        <v>0.19400000000000001</v>
      </c>
      <c r="H51" s="94">
        <v>7.0330718816199816E-2</v>
      </c>
      <c r="I51" s="103">
        <v>0.46800000000000003</v>
      </c>
      <c r="J51" s="94">
        <v>8.7202069383006509E-2</v>
      </c>
      <c r="K51" s="93">
        <v>0</v>
      </c>
      <c r="L51" s="94">
        <v>2.1425595681499328E-2</v>
      </c>
      <c r="M51" s="100">
        <v>128</v>
      </c>
      <c r="N51" s="101">
        <v>4.7</v>
      </c>
      <c r="O51" s="102">
        <v>0.23519999999999999</v>
      </c>
      <c r="P51" s="103">
        <v>0.115</v>
      </c>
      <c r="Q51" s="94">
        <v>5.7898087638440628E-2</v>
      </c>
      <c r="R51" s="103">
        <v>0.26300000000000001</v>
      </c>
      <c r="S51" s="94">
        <v>7.7299810518758144E-2</v>
      </c>
      <c r="T51" s="103">
        <v>0.622</v>
      </c>
      <c r="U51" s="94">
        <v>8.4567418509537584E-2</v>
      </c>
      <c r="V51" s="93">
        <v>0</v>
      </c>
      <c r="W51" s="94">
        <v>2.1264529250522336E-2</v>
      </c>
      <c r="X51" s="100">
        <v>128</v>
      </c>
      <c r="Y51" s="101">
        <v>3.9</v>
      </c>
      <c r="Z51" s="102">
        <v>0.25480000000000003</v>
      </c>
      <c r="AA51" s="103">
        <v>0.14699999999999999</v>
      </c>
      <c r="AB51" s="94">
        <v>6.3443755918222489E-2</v>
      </c>
      <c r="AC51" s="103">
        <v>0.27900000000000003</v>
      </c>
      <c r="AD51" s="94">
        <v>7.8638839043755279E-2</v>
      </c>
      <c r="AE51" s="103">
        <v>0.57399999999999995</v>
      </c>
      <c r="AF51" s="94">
        <v>8.6137812469391131E-2</v>
      </c>
      <c r="AG51" s="93">
        <v>0</v>
      </c>
      <c r="AH51" s="94">
        <v>2.1264529250522336E-2</v>
      </c>
      <c r="AI51" s="100">
        <v>127</v>
      </c>
      <c r="AJ51" s="101">
        <v>4.7</v>
      </c>
      <c r="AK51" s="102">
        <v>0.23519999999999999</v>
      </c>
      <c r="AL51" s="103">
        <v>0.375</v>
      </c>
      <c r="AM51" s="94">
        <v>8.4765438470006838E-2</v>
      </c>
      <c r="AN51" s="103">
        <v>0.29399999999999998</v>
      </c>
      <c r="AO51" s="94">
        <v>8.0098402532425256E-2</v>
      </c>
      <c r="AP51" s="103">
        <v>0.29199999999999998</v>
      </c>
      <c r="AQ51" s="94">
        <v>7.9949934580762175E-2</v>
      </c>
      <c r="AR51" s="93">
        <v>3.9E-2</v>
      </c>
      <c r="AS51" s="94">
        <v>3.917439514584152E-2</v>
      </c>
    </row>
    <row r="52" spans="1:45">
      <c r="A52" s="49" t="s">
        <v>457</v>
      </c>
      <c r="B52" s="104">
        <v>645</v>
      </c>
      <c r="C52" s="105">
        <v>4.5</v>
      </c>
      <c r="D52" s="106">
        <v>0.1176</v>
      </c>
      <c r="E52" s="107">
        <v>0.17299999999999999</v>
      </c>
      <c r="F52" s="97">
        <v>2.9831061584526451E-2</v>
      </c>
      <c r="G52" s="107">
        <v>0.27200000000000002</v>
      </c>
      <c r="H52" s="97">
        <v>3.4991067687830224E-2</v>
      </c>
      <c r="I52" s="107">
        <v>0.53700000000000003</v>
      </c>
      <c r="J52" s="97">
        <v>3.9147134503553574E-2</v>
      </c>
      <c r="K52" s="96">
        <v>1.7999999999999999E-2</v>
      </c>
      <c r="L52" s="97">
        <v>1.1248955553082548E-2</v>
      </c>
      <c r="M52" s="104">
        <v>646</v>
      </c>
      <c r="N52" s="105">
        <v>4.8</v>
      </c>
      <c r="O52" s="106">
        <v>9.8000000000000004E-2</v>
      </c>
      <c r="P52" s="107">
        <v>0.121</v>
      </c>
      <c r="Q52" s="97">
        <v>2.5794626700040593E-2</v>
      </c>
      <c r="R52" s="107">
        <v>0.26</v>
      </c>
      <c r="S52" s="97">
        <v>3.4472440878979785E-2</v>
      </c>
      <c r="T52" s="107">
        <v>0.60499999999999998</v>
      </c>
      <c r="U52" s="97">
        <v>3.8359455742741987E-2</v>
      </c>
      <c r="V52" s="96">
        <v>1.2999999999999999E-2</v>
      </c>
      <c r="W52" s="97">
        <v>9.8421453349262084E-3</v>
      </c>
      <c r="X52" s="104">
        <v>643</v>
      </c>
      <c r="Y52" s="105">
        <v>4</v>
      </c>
      <c r="Z52" s="106">
        <v>0.1176</v>
      </c>
      <c r="AA52" s="107">
        <v>0.161</v>
      </c>
      <c r="AB52" s="97">
        <v>2.9049398650180473E-2</v>
      </c>
      <c r="AC52" s="107">
        <v>0.27600000000000002</v>
      </c>
      <c r="AD52" s="97">
        <v>3.5202439180731702E-2</v>
      </c>
      <c r="AE52" s="107">
        <v>0.54200000000000004</v>
      </c>
      <c r="AF52" s="97">
        <v>3.917682688984328E-2</v>
      </c>
      <c r="AG52" s="96">
        <v>0.02</v>
      </c>
      <c r="AH52" s="97">
        <v>1.1778489942181301E-2</v>
      </c>
      <c r="AI52" s="104">
        <v>643</v>
      </c>
      <c r="AJ52" s="105">
        <v>4.5999999999999996</v>
      </c>
      <c r="AK52" s="106">
        <v>9.8000000000000004E-2</v>
      </c>
      <c r="AL52" s="107">
        <v>0.27700000000000002</v>
      </c>
      <c r="AM52" s="97">
        <v>3.5241185898676738E-2</v>
      </c>
      <c r="AN52" s="107">
        <v>0.30299999999999999</v>
      </c>
      <c r="AO52" s="97">
        <v>3.6174861316433611E-2</v>
      </c>
      <c r="AP52" s="107">
        <v>0.33</v>
      </c>
      <c r="AQ52" s="97">
        <v>3.7001711557870007E-2</v>
      </c>
      <c r="AR52" s="96">
        <v>0.09</v>
      </c>
      <c r="AS52" s="97">
        <v>2.2784806231168912E-2</v>
      </c>
    </row>
    <row r="53" spans="1:45">
      <c r="A53" s="57" t="s">
        <v>449</v>
      </c>
      <c r="B53" s="100">
        <v>122</v>
      </c>
      <c r="C53" s="101">
        <v>4.0999999999999996</v>
      </c>
      <c r="D53" s="102">
        <v>0.27440000000000003</v>
      </c>
      <c r="E53" s="103">
        <v>0.25</v>
      </c>
      <c r="F53" s="94">
        <v>7.7950995149278141E-2</v>
      </c>
      <c r="G53" s="103">
        <v>0.24299999999999999</v>
      </c>
      <c r="H53" s="94">
        <v>7.7270504531783205E-2</v>
      </c>
      <c r="I53" s="103">
        <v>0.43099999999999999</v>
      </c>
      <c r="J53" s="94">
        <v>8.8288216245906562E-2</v>
      </c>
      <c r="K53" s="93">
        <v>7.5999999999999998E-2</v>
      </c>
      <c r="L53" s="94">
        <v>5.0852157033183097E-2</v>
      </c>
      <c r="M53" s="100">
        <v>122</v>
      </c>
      <c r="N53" s="101">
        <v>4.5999999999999996</v>
      </c>
      <c r="O53" s="102">
        <v>0.23519999999999999</v>
      </c>
      <c r="P53" s="103">
        <v>0.17799999999999999</v>
      </c>
      <c r="Q53" s="94">
        <v>6.9646412477018999E-2</v>
      </c>
      <c r="R53" s="103">
        <v>0.189</v>
      </c>
      <c r="S53" s="94">
        <v>7.11186219960835E-2</v>
      </c>
      <c r="T53" s="103">
        <v>0.63400000000000001</v>
      </c>
      <c r="U53" s="94">
        <v>8.6035424089677862E-2</v>
      </c>
      <c r="V53" s="93">
        <v>0</v>
      </c>
      <c r="W53" s="94">
        <v>2.226896426705402E-2</v>
      </c>
      <c r="X53" s="100">
        <v>122</v>
      </c>
      <c r="Y53" s="101">
        <v>3.8</v>
      </c>
      <c r="Z53" s="102">
        <v>0.27440000000000003</v>
      </c>
      <c r="AA53" s="103">
        <v>0.26800000000000002</v>
      </c>
      <c r="AB53" s="94">
        <v>7.9590051310837087E-2</v>
      </c>
      <c r="AC53" s="103">
        <v>0.22</v>
      </c>
      <c r="AD53" s="94">
        <v>7.4854094146832195E-2</v>
      </c>
      <c r="AE53" s="103">
        <v>0.435</v>
      </c>
      <c r="AF53" s="94">
        <v>8.8378514225947266E-2</v>
      </c>
      <c r="AG53" s="93">
        <v>7.6999999999999999E-2</v>
      </c>
      <c r="AH53" s="94">
        <v>5.1099419093383475E-2</v>
      </c>
      <c r="AI53" s="100">
        <v>121</v>
      </c>
      <c r="AJ53" s="101">
        <v>4.4000000000000004</v>
      </c>
      <c r="AK53" s="102">
        <v>0.25480000000000003</v>
      </c>
      <c r="AL53" s="103">
        <v>0.29599999999999999</v>
      </c>
      <c r="AM53" s="94">
        <v>8.2171490767248473E-2</v>
      </c>
      <c r="AN53" s="103">
        <v>0.22600000000000001</v>
      </c>
      <c r="AO53" s="94">
        <v>7.5821260591156098E-2</v>
      </c>
      <c r="AP53" s="103">
        <v>0.34899999999999998</v>
      </c>
      <c r="AQ53" s="94">
        <v>8.5535473955733715E-2</v>
      </c>
      <c r="AR53" s="93">
        <v>0.129</v>
      </c>
      <c r="AS53" s="94">
        <v>6.2232359329467822E-2</v>
      </c>
    </row>
    <row r="54" spans="1:45">
      <c r="A54" s="49" t="s">
        <v>450</v>
      </c>
      <c r="B54" s="104">
        <v>95</v>
      </c>
      <c r="C54" s="105">
        <v>4.5999999999999996</v>
      </c>
      <c r="D54" s="106">
        <v>0.27440000000000003</v>
      </c>
      <c r="E54" s="107">
        <v>0.16900000000000001</v>
      </c>
      <c r="F54" s="97">
        <v>7.7619521987308579E-2</v>
      </c>
      <c r="G54" s="107">
        <v>0.19800000000000001</v>
      </c>
      <c r="H54" s="97">
        <v>8.1900933235518614E-2</v>
      </c>
      <c r="I54" s="107">
        <v>0.63400000000000001</v>
      </c>
      <c r="J54" s="97">
        <v>9.7123409358005605E-2</v>
      </c>
      <c r="K54" s="96">
        <v>0</v>
      </c>
      <c r="L54" s="97">
        <v>2.8279912978147775E-2</v>
      </c>
      <c r="M54" s="104">
        <v>95</v>
      </c>
      <c r="N54" s="105">
        <v>4.9000000000000004</v>
      </c>
      <c r="O54" s="106">
        <v>0.25480000000000003</v>
      </c>
      <c r="P54" s="107">
        <v>0.11799999999999999</v>
      </c>
      <c r="Q54" s="97">
        <v>6.8351326360325454E-2</v>
      </c>
      <c r="R54" s="107">
        <v>0.185</v>
      </c>
      <c r="S54" s="97">
        <v>8.005836213262095E-2</v>
      </c>
      <c r="T54" s="107">
        <v>0.69699999999999995</v>
      </c>
      <c r="U54" s="97">
        <v>9.3043646896972601E-2</v>
      </c>
      <c r="V54" s="96">
        <v>0</v>
      </c>
      <c r="W54" s="97">
        <v>2.8279912978147775E-2</v>
      </c>
      <c r="X54" s="104">
        <v>94</v>
      </c>
      <c r="Y54" s="105">
        <v>4</v>
      </c>
      <c r="Z54" s="106">
        <v>0.31359999999999999</v>
      </c>
      <c r="AA54" s="107">
        <v>4.8000000000000001E-2</v>
      </c>
      <c r="AB54" s="97">
        <v>5.0318784865377858E-2</v>
      </c>
      <c r="AC54" s="107">
        <v>0.33700000000000002</v>
      </c>
      <c r="AD54" s="97">
        <v>9.5949739125152242E-2</v>
      </c>
      <c r="AE54" s="107">
        <v>0.60299999999999998</v>
      </c>
      <c r="AF54" s="97">
        <v>9.9023676103954655E-2</v>
      </c>
      <c r="AG54" s="96">
        <v>1.2E-2</v>
      </c>
      <c r="AH54" s="97">
        <v>3.5513484172568763E-2</v>
      </c>
      <c r="AI54" s="104">
        <v>94</v>
      </c>
      <c r="AJ54" s="105">
        <v>4.9000000000000004</v>
      </c>
      <c r="AK54" s="106">
        <v>0.23519999999999999</v>
      </c>
      <c r="AL54" s="107">
        <v>0.35499999999999998</v>
      </c>
      <c r="AM54" s="97">
        <v>9.7028567108059585E-2</v>
      </c>
      <c r="AN54" s="107">
        <v>0.23300000000000001</v>
      </c>
      <c r="AO54" s="97">
        <v>8.6758342465351482E-2</v>
      </c>
      <c r="AP54" s="107">
        <v>0.34699999999999998</v>
      </c>
      <c r="AQ54" s="97">
        <v>9.6566132573504562E-2</v>
      </c>
      <c r="AR54" s="96">
        <v>6.5000000000000002E-2</v>
      </c>
      <c r="AS54" s="97">
        <v>5.5661768334867932E-2</v>
      </c>
    </row>
    <row r="55" spans="1:45" ht="25.5">
      <c r="A55" s="57" t="s">
        <v>451</v>
      </c>
      <c r="B55" s="100">
        <v>161</v>
      </c>
      <c r="C55" s="101">
        <v>4.8</v>
      </c>
      <c r="D55" s="102">
        <v>0.21559999999999999</v>
      </c>
      <c r="E55" s="103">
        <v>0.11600000000000001</v>
      </c>
      <c r="F55" s="94">
        <v>5.1547382767438372E-2</v>
      </c>
      <c r="G55" s="103">
        <v>0.312</v>
      </c>
      <c r="H55" s="94">
        <v>7.242113821472751E-2</v>
      </c>
      <c r="I55" s="103">
        <v>0.55500000000000005</v>
      </c>
      <c r="J55" s="94">
        <v>7.7400162694823749E-2</v>
      </c>
      <c r="K55" s="93">
        <v>1.7000000000000001E-2</v>
      </c>
      <c r="L55" s="94">
        <v>2.5999943593535298E-2</v>
      </c>
      <c r="M55" s="100">
        <v>163</v>
      </c>
      <c r="N55" s="101">
        <v>4.9000000000000004</v>
      </c>
      <c r="O55" s="102">
        <v>0.19600000000000001</v>
      </c>
      <c r="P55" s="103">
        <v>7.5999999999999998E-2</v>
      </c>
      <c r="Q55" s="94">
        <v>4.3426001742297202E-2</v>
      </c>
      <c r="R55" s="103">
        <v>0.34100000000000003</v>
      </c>
      <c r="S55" s="94">
        <v>7.3560527374907342E-2</v>
      </c>
      <c r="T55" s="103">
        <v>0.57399999999999995</v>
      </c>
      <c r="U55" s="94">
        <v>7.6570687744766525E-2</v>
      </c>
      <c r="V55" s="93">
        <v>8.9999999999999993E-3</v>
      </c>
      <c r="W55" s="94">
        <v>2.2066574040051204E-2</v>
      </c>
      <c r="X55" s="100">
        <v>162</v>
      </c>
      <c r="Y55" s="101">
        <v>4.3</v>
      </c>
      <c r="Z55" s="102">
        <v>0.23519999999999999</v>
      </c>
      <c r="AA55" s="103">
        <v>0.157</v>
      </c>
      <c r="AB55" s="94">
        <v>5.7655503735134908E-2</v>
      </c>
      <c r="AC55" s="103">
        <v>0.29499999999999998</v>
      </c>
      <c r="AD55" s="94">
        <v>7.1131288759687716E-2</v>
      </c>
      <c r="AE55" s="103">
        <v>0.54200000000000004</v>
      </c>
      <c r="AF55" s="94">
        <v>7.7353824495079881E-2</v>
      </c>
      <c r="AG55" s="93">
        <v>6.0000000000000001E-3</v>
      </c>
      <c r="AH55" s="94">
        <v>2.0583696348169696E-2</v>
      </c>
      <c r="AI55" s="100">
        <v>162</v>
      </c>
      <c r="AJ55" s="101">
        <v>4.7</v>
      </c>
      <c r="AK55" s="102">
        <v>0.21559999999999999</v>
      </c>
      <c r="AL55" s="108">
        <v>0.192</v>
      </c>
      <c r="AM55" s="94">
        <v>6.2024611827376452E-2</v>
      </c>
      <c r="AN55" s="103">
        <v>0.33400000000000002</v>
      </c>
      <c r="AO55" s="94">
        <v>7.3428270055704653E-2</v>
      </c>
      <c r="AP55" s="103">
        <v>0.36499999999999999</v>
      </c>
      <c r="AQ55" s="94">
        <v>7.4872217435775421E-2</v>
      </c>
      <c r="AR55" s="93">
        <v>0.109</v>
      </c>
      <c r="AS55" s="94">
        <v>5.0155899328688615E-2</v>
      </c>
    </row>
    <row r="56" spans="1:45">
      <c r="A56" s="49" t="s">
        <v>452</v>
      </c>
      <c r="B56" s="104">
        <v>73</v>
      </c>
      <c r="C56" s="105">
        <v>4.2</v>
      </c>
      <c r="D56" s="106">
        <v>0.37240000000000001</v>
      </c>
      <c r="E56" s="107">
        <v>0.28299999999999997</v>
      </c>
      <c r="F56" s="97">
        <v>0.10386712021934398</v>
      </c>
      <c r="G56" s="107">
        <v>0.33500000000000002</v>
      </c>
      <c r="H56" s="97">
        <v>0.10823977760816854</v>
      </c>
      <c r="I56" s="107">
        <v>0.38200000000000001</v>
      </c>
      <c r="J56" s="97">
        <v>0.1110715398437621</v>
      </c>
      <c r="K56" s="96">
        <v>1E-3</v>
      </c>
      <c r="L56" s="97">
        <v>3.6890346213648936E-2</v>
      </c>
      <c r="M56" s="104">
        <v>73</v>
      </c>
      <c r="N56" s="105">
        <v>4.7</v>
      </c>
      <c r="O56" s="106">
        <v>0.31359999999999999</v>
      </c>
      <c r="P56" s="107">
        <v>0.10199999999999999</v>
      </c>
      <c r="Q56" s="97">
        <v>7.4772760298493848E-2</v>
      </c>
      <c r="R56" s="107">
        <v>0.35</v>
      </c>
      <c r="S56" s="97">
        <v>0.10925412859395847</v>
      </c>
      <c r="T56" s="107">
        <v>0.53200000000000003</v>
      </c>
      <c r="U56" s="97">
        <v>0.11375061038657662</v>
      </c>
      <c r="V56" s="96">
        <v>1.6E-2</v>
      </c>
      <c r="W56" s="97">
        <v>4.5269824500837226E-2</v>
      </c>
      <c r="X56" s="104">
        <v>73</v>
      </c>
      <c r="Y56" s="105">
        <v>3.9</v>
      </c>
      <c r="Z56" s="106">
        <v>0.3332</v>
      </c>
      <c r="AA56" s="107">
        <v>0.17499999999999999</v>
      </c>
      <c r="AB56" s="97">
        <v>8.9751167221245348E-2</v>
      </c>
      <c r="AC56" s="107">
        <v>0.25700000000000001</v>
      </c>
      <c r="AD56" s="97">
        <v>0.1011432342722112</v>
      </c>
      <c r="AE56" s="107">
        <v>0.56799999999999995</v>
      </c>
      <c r="AF56" s="97">
        <v>0.11300935193057568</v>
      </c>
      <c r="AG56" s="96">
        <v>0</v>
      </c>
      <c r="AH56" s="97">
        <v>3.6252631573966396E-2</v>
      </c>
      <c r="AI56" s="104">
        <v>73</v>
      </c>
      <c r="AJ56" s="105">
        <v>4.7</v>
      </c>
      <c r="AK56" s="106">
        <v>0.3332</v>
      </c>
      <c r="AL56" s="107">
        <v>0.26900000000000002</v>
      </c>
      <c r="AM56" s="97">
        <v>0.10244770601400731</v>
      </c>
      <c r="AN56" s="107">
        <v>0.39800000000000002</v>
      </c>
      <c r="AO56" s="97">
        <v>0.11180894159106132</v>
      </c>
      <c r="AP56" s="107">
        <v>0.27800000000000002</v>
      </c>
      <c r="AQ56" s="97">
        <v>0.10337258743290163</v>
      </c>
      <c r="AR56" s="96">
        <v>5.5E-2</v>
      </c>
      <c r="AS56" s="97">
        <v>6.116387852148928E-2</v>
      </c>
    </row>
    <row r="57" spans="1:45">
      <c r="A57" s="57" t="s">
        <v>453</v>
      </c>
      <c r="B57" s="100">
        <v>79</v>
      </c>
      <c r="C57" s="101">
        <v>4.8</v>
      </c>
      <c r="D57" s="102">
        <v>0.29399999999999998</v>
      </c>
      <c r="E57" s="103">
        <v>0.10299999999999999</v>
      </c>
      <c r="F57" s="94">
        <v>7.188215764904389E-2</v>
      </c>
      <c r="G57" s="103">
        <v>0.26200000000000001</v>
      </c>
      <c r="H57" s="94">
        <v>9.7852631885714358E-2</v>
      </c>
      <c r="I57" s="103">
        <v>0.60899999999999999</v>
      </c>
      <c r="J57" s="94">
        <v>0.10737538307791522</v>
      </c>
      <c r="K57" s="93">
        <v>2.5000000000000001E-2</v>
      </c>
      <c r="L57" s="94">
        <v>4.6877417249539782E-2</v>
      </c>
      <c r="M57" s="100">
        <v>78</v>
      </c>
      <c r="N57" s="101">
        <v>4.7</v>
      </c>
      <c r="O57" s="102">
        <v>0.27440000000000003</v>
      </c>
      <c r="P57" s="103">
        <v>0.128</v>
      </c>
      <c r="Q57" s="94">
        <v>7.8020506478956281E-2</v>
      </c>
      <c r="R57" s="103">
        <v>0.185</v>
      </c>
      <c r="S57" s="94">
        <v>8.8405765827365854E-2</v>
      </c>
      <c r="T57" s="103">
        <v>0.66100000000000003</v>
      </c>
      <c r="U57" s="94">
        <v>0.10512389858391631</v>
      </c>
      <c r="V57" s="93">
        <v>2.5000000000000001E-2</v>
      </c>
      <c r="W57" s="94">
        <v>4.7292711919361782E-2</v>
      </c>
      <c r="X57" s="100">
        <v>77</v>
      </c>
      <c r="Y57" s="101">
        <v>4.0999999999999996</v>
      </c>
      <c r="Z57" s="102">
        <v>0.29399999999999998</v>
      </c>
      <c r="AA57" s="103">
        <v>0.112</v>
      </c>
      <c r="AB57" s="94">
        <v>7.501684376658381E-2</v>
      </c>
      <c r="AC57" s="103">
        <v>0.25</v>
      </c>
      <c r="AD57" s="94">
        <v>9.7757680691178267E-2</v>
      </c>
      <c r="AE57" s="103">
        <v>0.629</v>
      </c>
      <c r="AF57" s="94">
        <v>0.10771750294788859</v>
      </c>
      <c r="AG57" s="93">
        <v>8.0000000000000002E-3</v>
      </c>
      <c r="AH57" s="94">
        <v>3.9285749963749311E-2</v>
      </c>
      <c r="AI57" s="100">
        <v>78</v>
      </c>
      <c r="AJ57" s="101">
        <v>4.7</v>
      </c>
      <c r="AK57" s="102">
        <v>0.27440000000000003</v>
      </c>
      <c r="AL57" s="108">
        <v>0.24299999999999999</v>
      </c>
      <c r="AM57" s="94">
        <v>9.6332158828992889E-2</v>
      </c>
      <c r="AN57" s="103">
        <v>0.34699999999999998</v>
      </c>
      <c r="AO57" s="94">
        <v>0.10564992868074367</v>
      </c>
      <c r="AP57" s="103">
        <v>0.30299999999999999</v>
      </c>
      <c r="AQ57" s="94">
        <v>0.10238256723042222</v>
      </c>
      <c r="AR57" s="93">
        <v>0.106</v>
      </c>
      <c r="AS57" s="94">
        <v>7.3098525546751988E-2</v>
      </c>
    </row>
    <row r="58" spans="1:45">
      <c r="A58" s="49" t="s">
        <v>454</v>
      </c>
      <c r="B58" s="104">
        <v>115</v>
      </c>
      <c r="C58" s="105">
        <v>4.5</v>
      </c>
      <c r="D58" s="106">
        <v>0.25480000000000003</v>
      </c>
      <c r="E58" s="107">
        <v>0.192</v>
      </c>
      <c r="F58" s="97">
        <v>7.3657446610189081E-2</v>
      </c>
      <c r="G58" s="107">
        <v>0.29199999999999998</v>
      </c>
      <c r="H58" s="97">
        <v>8.3935874238245639E-2</v>
      </c>
      <c r="I58" s="107">
        <v>0.51600000000000001</v>
      </c>
      <c r="J58" s="97">
        <v>9.1626006516795908E-2</v>
      </c>
      <c r="K58" s="96">
        <v>0</v>
      </c>
      <c r="L58" s="97">
        <v>2.3567715249216942E-2</v>
      </c>
      <c r="M58" s="104">
        <v>115</v>
      </c>
      <c r="N58" s="105">
        <v>4.7</v>
      </c>
      <c r="O58" s="106">
        <v>0.25480000000000003</v>
      </c>
      <c r="P58" s="107">
        <v>0.13700000000000001</v>
      </c>
      <c r="Q58" s="97">
        <v>6.532158050155773E-2</v>
      </c>
      <c r="R58" s="107">
        <v>0.3</v>
      </c>
      <c r="S58" s="97">
        <v>8.4544032797960814E-2</v>
      </c>
      <c r="T58" s="107">
        <v>0.53700000000000003</v>
      </c>
      <c r="U58" s="97">
        <v>9.1435147027462318E-2</v>
      </c>
      <c r="V58" s="96">
        <v>2.5999999999999999E-2</v>
      </c>
      <c r="W58" s="97">
        <v>3.6747796206082581E-2</v>
      </c>
      <c r="X58" s="104">
        <v>115</v>
      </c>
      <c r="Y58" s="105">
        <v>3.9</v>
      </c>
      <c r="Z58" s="106">
        <v>0.23519999999999999</v>
      </c>
      <c r="AA58" s="107">
        <v>0.20899999999999999</v>
      </c>
      <c r="AB58" s="97">
        <v>7.5796313151128447E-2</v>
      </c>
      <c r="AC58" s="107">
        <v>0.27100000000000002</v>
      </c>
      <c r="AD58" s="97">
        <v>8.2201881880628588E-2</v>
      </c>
      <c r="AE58" s="107">
        <v>0.499</v>
      </c>
      <c r="AF58" s="97">
        <v>9.1669678481170885E-2</v>
      </c>
      <c r="AG58" s="96">
        <v>2.1000000000000001E-2</v>
      </c>
      <c r="AH58" s="97">
        <v>3.4652836707090899E-2</v>
      </c>
      <c r="AI58" s="104">
        <v>115</v>
      </c>
      <c r="AJ58" s="105">
        <v>4.5</v>
      </c>
      <c r="AK58" s="106">
        <v>0.23519999999999999</v>
      </c>
      <c r="AL58" s="107">
        <v>0.312</v>
      </c>
      <c r="AM58" s="97">
        <v>8.540405857435597E-2</v>
      </c>
      <c r="AN58" s="107">
        <v>0.312</v>
      </c>
      <c r="AO58" s="97">
        <v>8.540405857435597E-2</v>
      </c>
      <c r="AP58" s="107">
        <v>0.30599999999999999</v>
      </c>
      <c r="AQ58" s="97">
        <v>8.4981783062217903E-2</v>
      </c>
      <c r="AR58" s="96">
        <v>7.0000000000000007E-2</v>
      </c>
      <c r="AS58" s="97">
        <v>5.098074782471583E-2</v>
      </c>
    </row>
    <row r="61" spans="1:45" ht="18.75">
      <c r="A61" s="322" t="s">
        <v>253</v>
      </c>
      <c r="B61" s="322"/>
      <c r="C61" s="322"/>
      <c r="D61" s="322"/>
      <c r="E61" s="322"/>
      <c r="F61" s="322"/>
      <c r="G61" s="322"/>
      <c r="H61" s="322"/>
      <c r="I61" s="322"/>
      <c r="J61" s="322"/>
      <c r="K61" s="322"/>
      <c r="L61" s="322"/>
      <c r="M61" s="322"/>
      <c r="N61" s="322"/>
      <c r="O61" s="322"/>
      <c r="P61" s="322"/>
      <c r="Q61" s="322"/>
      <c r="R61" s="322"/>
      <c r="S61" s="322"/>
      <c r="T61" s="322"/>
      <c r="U61" s="322"/>
      <c r="V61" s="322"/>
      <c r="W61" s="322"/>
    </row>
    <row r="62" spans="1:45" ht="66" customHeight="1">
      <c r="A62" s="342" t="s">
        <v>383</v>
      </c>
      <c r="B62" s="342"/>
      <c r="C62" s="342"/>
      <c r="D62" s="342"/>
      <c r="E62" s="342"/>
      <c r="F62" s="342"/>
      <c r="G62" s="342"/>
      <c r="H62" s="342"/>
      <c r="I62" s="342"/>
      <c r="J62" s="342"/>
      <c r="K62" s="342"/>
      <c r="L62" s="342"/>
      <c r="M62" s="342"/>
      <c r="N62" s="342"/>
      <c r="O62" s="342"/>
      <c r="P62" s="342"/>
      <c r="Q62" s="342"/>
      <c r="R62" s="342"/>
      <c r="S62" s="342"/>
      <c r="T62" s="342"/>
      <c r="U62" s="342"/>
      <c r="V62" s="342"/>
      <c r="W62" s="342"/>
    </row>
    <row r="63" spans="1:45" ht="45.75" customHeight="1">
      <c r="A63" s="109"/>
      <c r="B63" s="339" t="s">
        <v>390</v>
      </c>
      <c r="C63" s="340"/>
      <c r="D63" s="340"/>
      <c r="E63" s="340"/>
      <c r="F63" s="340"/>
      <c r="G63" s="340"/>
      <c r="H63" s="340"/>
      <c r="I63" s="340"/>
      <c r="J63" s="340"/>
      <c r="K63" s="340"/>
      <c r="L63" s="341"/>
      <c r="M63" s="339" t="s">
        <v>254</v>
      </c>
      <c r="N63" s="340"/>
      <c r="O63" s="340"/>
      <c r="P63" s="340"/>
      <c r="Q63" s="340"/>
      <c r="R63" s="340"/>
      <c r="S63" s="340"/>
      <c r="T63" s="340"/>
      <c r="U63" s="340"/>
      <c r="V63" s="340"/>
      <c r="W63" s="340"/>
    </row>
    <row r="64" spans="1:45" ht="66" customHeight="1">
      <c r="A64" s="37" t="s">
        <v>85</v>
      </c>
      <c r="B64" s="38" t="s">
        <v>86</v>
      </c>
      <c r="C64" s="38" t="s">
        <v>87</v>
      </c>
      <c r="D64" s="269" t="s">
        <v>88</v>
      </c>
      <c r="E64" s="38" t="s">
        <v>178</v>
      </c>
      <c r="F64" s="89" t="s">
        <v>101</v>
      </c>
      <c r="G64" s="38" t="s">
        <v>179</v>
      </c>
      <c r="H64" s="89" t="s">
        <v>102</v>
      </c>
      <c r="I64" s="38" t="s">
        <v>180</v>
      </c>
      <c r="J64" s="89" t="s">
        <v>103</v>
      </c>
      <c r="K64" s="38" t="s">
        <v>357</v>
      </c>
      <c r="L64" s="89" t="s">
        <v>356</v>
      </c>
      <c r="M64" s="65" t="s">
        <v>86</v>
      </c>
      <c r="N64" s="65" t="s">
        <v>87</v>
      </c>
      <c r="O64" s="271" t="s">
        <v>88</v>
      </c>
      <c r="P64" s="65" t="s">
        <v>427</v>
      </c>
      <c r="Q64" s="88" t="s">
        <v>428</v>
      </c>
      <c r="R64" s="65" t="s">
        <v>423</v>
      </c>
      <c r="S64" s="88" t="s">
        <v>425</v>
      </c>
      <c r="T64" s="65" t="s">
        <v>429</v>
      </c>
      <c r="U64" s="88" t="s">
        <v>430</v>
      </c>
      <c r="V64" s="65" t="s">
        <v>357</v>
      </c>
      <c r="W64" s="88" t="s">
        <v>371</v>
      </c>
    </row>
    <row r="65" spans="1:23" ht="99.75" customHeight="1">
      <c r="A65" s="41"/>
      <c r="B65" s="42" t="s">
        <v>89</v>
      </c>
      <c r="C65" s="42" t="s">
        <v>358</v>
      </c>
      <c r="D65" s="270" t="s">
        <v>91</v>
      </c>
      <c r="E65" s="42" t="s">
        <v>181</v>
      </c>
      <c r="F65" s="91" t="s">
        <v>104</v>
      </c>
      <c r="G65" s="42" t="s">
        <v>182</v>
      </c>
      <c r="H65" s="91" t="s">
        <v>104</v>
      </c>
      <c r="I65" s="42" t="s">
        <v>183</v>
      </c>
      <c r="J65" s="91" t="s">
        <v>104</v>
      </c>
      <c r="K65" s="42" t="s">
        <v>357</v>
      </c>
      <c r="L65" s="91" t="s">
        <v>104</v>
      </c>
      <c r="M65" s="68" t="s">
        <v>89</v>
      </c>
      <c r="N65" s="68" t="s">
        <v>359</v>
      </c>
      <c r="O65" s="272" t="s">
        <v>91</v>
      </c>
      <c r="P65" s="68" t="s">
        <v>422</v>
      </c>
      <c r="Q65" s="90" t="s">
        <v>104</v>
      </c>
      <c r="R65" s="68" t="s">
        <v>424</v>
      </c>
      <c r="S65" s="90" t="s">
        <v>104</v>
      </c>
      <c r="T65" s="68" t="s">
        <v>181</v>
      </c>
      <c r="U65" s="90" t="s">
        <v>104</v>
      </c>
      <c r="V65" s="68" t="s">
        <v>357</v>
      </c>
      <c r="W65" s="90" t="s">
        <v>104</v>
      </c>
    </row>
    <row r="66" spans="1:23">
      <c r="A66" s="45" t="s">
        <v>436</v>
      </c>
      <c r="B66" s="112">
        <v>9266</v>
      </c>
      <c r="C66" s="47">
        <v>3.1</v>
      </c>
      <c r="D66" s="48">
        <v>3.9199999999999999E-2</v>
      </c>
      <c r="E66" s="113">
        <v>0.60799999999999998</v>
      </c>
      <c r="F66" s="94">
        <v>1.0141311453284773E-2</v>
      </c>
      <c r="G66" s="113">
        <v>0.107</v>
      </c>
      <c r="H66" s="94">
        <v>6.4255510910279385E-3</v>
      </c>
      <c r="I66" s="113">
        <v>0.26500000000000001</v>
      </c>
      <c r="J66" s="94">
        <v>9.1687440737048664E-3</v>
      </c>
      <c r="K66" s="93">
        <v>0.02</v>
      </c>
      <c r="L66" s="94">
        <v>2.9228698383357626E-3</v>
      </c>
      <c r="M66" s="112">
        <v>10804</v>
      </c>
      <c r="N66" s="47">
        <v>4</v>
      </c>
      <c r="O66" s="48">
        <v>3.9199999999999999E-2</v>
      </c>
      <c r="P66" s="113">
        <v>0.21</v>
      </c>
      <c r="Q66" s="94">
        <v>7.8372187685314225E-3</v>
      </c>
      <c r="R66" s="113">
        <v>0.35</v>
      </c>
      <c r="S66" s="94">
        <v>9.1762221941187605E-3</v>
      </c>
      <c r="T66" s="113">
        <v>0.33</v>
      </c>
      <c r="U66" s="94">
        <v>9.0463357677486728E-3</v>
      </c>
      <c r="V66" s="93">
        <v>0.11</v>
      </c>
      <c r="W66" s="94">
        <v>6.022796639669644E-3</v>
      </c>
    </row>
    <row r="67" spans="1:23">
      <c r="A67" s="49" t="s">
        <v>437</v>
      </c>
      <c r="B67" s="114">
        <v>8696</v>
      </c>
      <c r="C67" s="51">
        <v>3.1323235774438491</v>
      </c>
      <c r="D67" s="52">
        <v>4.4663496380326621E-2</v>
      </c>
      <c r="E67" s="115">
        <v>0.59938941569962423</v>
      </c>
      <c r="F67" s="97">
        <v>1.0507377275093125E-2</v>
      </c>
      <c r="G67" s="115">
        <v>0.10760644100695003</v>
      </c>
      <c r="H67" s="97">
        <v>6.6494782928836413E-3</v>
      </c>
      <c r="I67" s="115">
        <v>0.27330918993901621</v>
      </c>
      <c r="J67" s="97">
        <v>9.5570523943678196E-3</v>
      </c>
      <c r="K67" s="96">
        <v>1.9694953354409444E-2</v>
      </c>
      <c r="L67" s="97">
        <v>2.9957168534017315E-3</v>
      </c>
      <c r="M67" s="114">
        <v>8845</v>
      </c>
      <c r="N67" s="51">
        <v>4.2</v>
      </c>
      <c r="O67" s="52">
        <v>3.9713671816827278E-2</v>
      </c>
      <c r="P67" s="115">
        <v>0.25</v>
      </c>
      <c r="Q67" s="97">
        <v>9.2076530686058689E-3</v>
      </c>
      <c r="R67" s="115">
        <v>0.36</v>
      </c>
      <c r="S67" s="97">
        <v>1.020565378598757E-2</v>
      </c>
      <c r="T67" s="115">
        <v>0.28999999999999998</v>
      </c>
      <c r="U67" s="97">
        <v>9.6483512264059351E-3</v>
      </c>
      <c r="V67" s="96">
        <v>0.09</v>
      </c>
      <c r="W67" s="97">
        <v>6.0901405948729989E-3</v>
      </c>
    </row>
    <row r="68" spans="1:23">
      <c r="A68" s="45" t="s">
        <v>438</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9</v>
      </c>
      <c r="B69" s="114">
        <v>3529</v>
      </c>
      <c r="C69" s="51">
        <v>2.9</v>
      </c>
      <c r="D69" s="52">
        <v>5.8799999999999998E-2</v>
      </c>
      <c r="E69" s="115">
        <v>0.65200000000000002</v>
      </c>
      <c r="F69" s="97">
        <v>1.6029561082245625E-2</v>
      </c>
      <c r="G69" s="115">
        <v>8.5999999999999993E-2</v>
      </c>
      <c r="H69" s="97">
        <v>9.4569133797963272E-3</v>
      </c>
      <c r="I69" s="115">
        <v>0.24</v>
      </c>
      <c r="J69" s="97">
        <v>1.4376482683048888E-2</v>
      </c>
      <c r="K69" s="96">
        <v>2.1999999999999999E-2</v>
      </c>
      <c r="L69" s="97">
        <v>4.9945430956485288E-3</v>
      </c>
      <c r="M69" s="114">
        <v>3909</v>
      </c>
      <c r="N69" s="51">
        <v>3.9</v>
      </c>
      <c r="O69" s="52">
        <v>5.8799999999999998E-2</v>
      </c>
      <c r="P69" s="115">
        <v>0.19</v>
      </c>
      <c r="Q69" s="97">
        <v>1.2550796268158981E-2</v>
      </c>
      <c r="R69" s="115">
        <v>0.33</v>
      </c>
      <c r="S69" s="97">
        <v>1.503583095555262E-2</v>
      </c>
      <c r="T69" s="115">
        <v>0.37</v>
      </c>
      <c r="U69" s="97">
        <v>1.5437549975010295E-2</v>
      </c>
      <c r="V69" s="96">
        <v>0.13</v>
      </c>
      <c r="W69" s="97">
        <v>1.0765713267641922E-2</v>
      </c>
    </row>
    <row r="70" spans="1:23">
      <c r="A70" s="45" t="s">
        <v>440</v>
      </c>
      <c r="B70" s="83">
        <v>3273</v>
      </c>
      <c r="C70" s="47">
        <v>2.96</v>
      </c>
      <c r="D70" s="48">
        <v>7.8399999999999997E-2</v>
      </c>
      <c r="E70" s="98">
        <v>0.64600000000000002</v>
      </c>
      <c r="F70" s="94">
        <v>1.6709330217024119E-2</v>
      </c>
      <c r="G70" s="98">
        <v>7.9000000000000001E-2</v>
      </c>
      <c r="H70" s="94">
        <v>9.451960143935614E-3</v>
      </c>
      <c r="I70" s="98">
        <v>0.252</v>
      </c>
      <c r="J70" s="94">
        <v>1.517454365167932E-2</v>
      </c>
      <c r="K70" s="93">
        <v>2.4E-2</v>
      </c>
      <c r="L70" s="94">
        <v>5.4098761074571622E-3</v>
      </c>
      <c r="M70" s="83">
        <v>3271</v>
      </c>
      <c r="N70" s="47">
        <v>4.0999999999999996</v>
      </c>
      <c r="O70" s="48">
        <v>5.8799999999999998E-2</v>
      </c>
      <c r="P70" s="98">
        <v>0.23799999999999999</v>
      </c>
      <c r="Q70" s="94">
        <v>1.4889868581746428E-2</v>
      </c>
      <c r="R70" s="98">
        <v>0.31599999999999995</v>
      </c>
      <c r="S70" s="94">
        <v>1.625095750271878E-2</v>
      </c>
      <c r="T70" s="98">
        <v>0.32700000000000001</v>
      </c>
      <c r="U70" s="94">
        <v>1.6397507327264044E-2</v>
      </c>
      <c r="V70" s="93">
        <v>0.11899999999999999</v>
      </c>
      <c r="W70" s="94">
        <v>1.1334922067361114E-2</v>
      </c>
    </row>
    <row r="71" spans="1:23">
      <c r="A71" s="49" t="s">
        <v>455</v>
      </c>
      <c r="B71" s="114">
        <v>556</v>
      </c>
      <c r="C71" s="51">
        <v>2.6</v>
      </c>
      <c r="D71" s="52">
        <v>0.15679999999999999</v>
      </c>
      <c r="E71" s="115">
        <v>0.72899999999999998</v>
      </c>
      <c r="F71" s="97">
        <v>3.7635989764892464E-2</v>
      </c>
      <c r="G71" s="115">
        <v>5.8999999999999997E-2</v>
      </c>
      <c r="H71" s="97">
        <v>2.0404372343061319E-2</v>
      </c>
      <c r="I71" s="115">
        <v>0.188</v>
      </c>
      <c r="J71" s="97">
        <v>3.3170733878011067E-2</v>
      </c>
      <c r="K71" s="96">
        <v>2.4E-2</v>
      </c>
      <c r="L71" s="97">
        <v>1.3796800871423574E-2</v>
      </c>
      <c r="M71" s="114">
        <v>575</v>
      </c>
      <c r="N71" s="51">
        <v>3.6</v>
      </c>
      <c r="O71" s="52">
        <v>0.15679999999999999</v>
      </c>
      <c r="P71" s="115">
        <v>0.14000000000000001</v>
      </c>
      <c r="Q71" s="97">
        <v>2.9053519571236027E-2</v>
      </c>
      <c r="R71" s="115">
        <v>0.29000000000000004</v>
      </c>
      <c r="S71" s="97">
        <v>3.7770987181693541E-2</v>
      </c>
      <c r="T71" s="115">
        <v>0.41000000000000003</v>
      </c>
      <c r="U71" s="97">
        <v>4.0889212170488451E-2</v>
      </c>
      <c r="V71" s="96">
        <v>0.15</v>
      </c>
      <c r="W71" s="97">
        <v>2.9874432303193973E-2</v>
      </c>
    </row>
    <row r="72" spans="1:23">
      <c r="A72" s="45" t="s">
        <v>441</v>
      </c>
      <c r="B72" s="83">
        <v>113</v>
      </c>
      <c r="C72" s="47">
        <v>2.8</v>
      </c>
      <c r="D72" s="48">
        <v>0.3528</v>
      </c>
      <c r="E72" s="98">
        <v>0.73499999999999999</v>
      </c>
      <c r="F72" s="94">
        <v>8.2376355457237149E-2</v>
      </c>
      <c r="G72" s="98">
        <v>5.1999999999999998E-2</v>
      </c>
      <c r="H72" s="94">
        <v>4.6330202159669376E-2</v>
      </c>
      <c r="I72" s="98">
        <v>0.192</v>
      </c>
      <c r="J72" s="94">
        <v>7.4308561642301318E-2</v>
      </c>
      <c r="K72" s="93">
        <v>2.1000000000000001E-2</v>
      </c>
      <c r="L72" s="94">
        <v>3.5072134646717254E-2</v>
      </c>
      <c r="M72" s="83">
        <v>117</v>
      </c>
      <c r="N72" s="47">
        <v>3.2</v>
      </c>
      <c r="O72" s="48">
        <v>0.3528</v>
      </c>
      <c r="P72" s="98">
        <v>0.09</v>
      </c>
      <c r="Q72" s="94">
        <v>5.5396496081519579E-2</v>
      </c>
      <c r="R72" s="98">
        <v>0.25</v>
      </c>
      <c r="S72" s="94">
        <v>7.9578212488034775E-2</v>
      </c>
      <c r="T72" s="98">
        <v>0.52</v>
      </c>
      <c r="U72" s="94">
        <v>9.0841067123365218E-2</v>
      </c>
      <c r="V72" s="93">
        <v>0.14000000000000001</v>
      </c>
      <c r="W72" s="94">
        <v>6.5259042721294666E-2</v>
      </c>
    </row>
    <row r="73" spans="1:23">
      <c r="A73" s="49" t="s">
        <v>442</v>
      </c>
      <c r="B73" s="114">
        <v>171</v>
      </c>
      <c r="C73" s="51">
        <v>2.2999999999999998</v>
      </c>
      <c r="D73" s="52">
        <v>0.25480000000000003</v>
      </c>
      <c r="E73" s="115">
        <v>0.78800000000000003</v>
      </c>
      <c r="F73" s="97">
        <v>6.2482800688303225E-2</v>
      </c>
      <c r="G73" s="115">
        <v>6.0999999999999999E-2</v>
      </c>
      <c r="H73" s="97">
        <v>3.8836923805603031E-2</v>
      </c>
      <c r="I73" s="115">
        <v>0.122</v>
      </c>
      <c r="J73" s="97">
        <v>5.0950550906877203E-2</v>
      </c>
      <c r="K73" s="96">
        <v>2.9000000000000001E-2</v>
      </c>
      <c r="L73" s="97">
        <v>2.954295748927023E-2</v>
      </c>
      <c r="M73" s="114">
        <v>173</v>
      </c>
      <c r="N73" s="51">
        <v>3.8</v>
      </c>
      <c r="O73" s="52">
        <v>0.27440000000000003</v>
      </c>
      <c r="P73" s="115">
        <v>0.13</v>
      </c>
      <c r="Q73" s="97">
        <v>5.1905532306786177E-2</v>
      </c>
      <c r="R73" s="115">
        <v>0.39</v>
      </c>
      <c r="S73" s="97">
        <v>7.3406339583263133E-2</v>
      </c>
      <c r="T73" s="115">
        <v>0.32999999999999996</v>
      </c>
      <c r="U73" s="97">
        <v>7.0892845885663164E-2</v>
      </c>
      <c r="V73" s="96">
        <v>0.13</v>
      </c>
      <c r="W73" s="97">
        <v>5.1905532306786177E-2</v>
      </c>
    </row>
    <row r="74" spans="1:23">
      <c r="A74" s="45" t="s">
        <v>443</v>
      </c>
      <c r="B74" s="83">
        <v>133</v>
      </c>
      <c r="C74" s="47">
        <v>3</v>
      </c>
      <c r="D74" s="48">
        <v>0.3528</v>
      </c>
      <c r="E74" s="98">
        <v>0.6</v>
      </c>
      <c r="F74" s="94">
        <v>8.3809902540337294E-2</v>
      </c>
      <c r="G74" s="98">
        <v>9.1999999999999998E-2</v>
      </c>
      <c r="H74" s="94">
        <v>5.2140915204800388E-2</v>
      </c>
      <c r="I74" s="98">
        <v>0.26</v>
      </c>
      <c r="J74" s="94">
        <v>7.5592916944398736E-2</v>
      </c>
      <c r="K74" s="93">
        <v>4.8000000000000001E-2</v>
      </c>
      <c r="L74" s="94">
        <v>4.0956447459317695E-2</v>
      </c>
      <c r="M74" s="83">
        <v>134</v>
      </c>
      <c r="N74" s="47">
        <v>5</v>
      </c>
      <c r="O74" s="48">
        <v>0.25480000000000003</v>
      </c>
      <c r="P74" s="98">
        <v>0.35</v>
      </c>
      <c r="Q74" s="94">
        <v>8.14337899874608E-2</v>
      </c>
      <c r="R74" s="98">
        <v>0.41000000000000003</v>
      </c>
      <c r="S74" s="94">
        <v>8.3815318015504556E-2</v>
      </c>
      <c r="T74" s="98">
        <v>0.13</v>
      </c>
      <c r="U74" s="94">
        <v>5.9202725659605791E-2</v>
      </c>
      <c r="V74" s="93">
        <v>0.11</v>
      </c>
      <c r="W74" s="94">
        <v>5.5583754019112794E-2</v>
      </c>
    </row>
    <row r="75" spans="1:23">
      <c r="A75" s="49" t="s">
        <v>444</v>
      </c>
      <c r="B75" s="114">
        <v>139</v>
      </c>
      <c r="C75" s="51">
        <v>2.5</v>
      </c>
      <c r="D75" s="52">
        <v>0.29399999999999998</v>
      </c>
      <c r="E75" s="115">
        <v>0.745</v>
      </c>
      <c r="F75" s="97">
        <v>7.3529609912477784E-2</v>
      </c>
      <c r="G75" s="115">
        <v>4.1000000000000002E-2</v>
      </c>
      <c r="H75" s="97">
        <v>3.7747970111421218E-2</v>
      </c>
      <c r="I75" s="115">
        <v>0.20899999999999999</v>
      </c>
      <c r="J75" s="97">
        <v>6.8956283156835343E-2</v>
      </c>
      <c r="K75" s="96">
        <v>5.0000000000000001E-3</v>
      </c>
      <c r="L75" s="97">
        <v>2.2742693489798776E-2</v>
      </c>
      <c r="M75" s="114">
        <v>151</v>
      </c>
      <c r="N75" s="51">
        <v>2.7</v>
      </c>
      <c r="O75" s="52">
        <v>0.29399999999999998</v>
      </c>
      <c r="P75" s="115">
        <v>0.06</v>
      </c>
      <c r="Q75" s="97">
        <v>4.1352403901694278E-2</v>
      </c>
      <c r="R75" s="115">
        <v>0.15000000000000002</v>
      </c>
      <c r="S75" s="97">
        <v>5.8748452050309742E-2</v>
      </c>
      <c r="T75" s="115">
        <v>0.59000000000000008</v>
      </c>
      <c r="U75" s="97">
        <v>7.9077368425102337E-2</v>
      </c>
      <c r="V75" s="96">
        <v>0.18</v>
      </c>
      <c r="W75" s="97">
        <v>6.2798595764199661E-2</v>
      </c>
    </row>
    <row r="76" spans="1:23">
      <c r="A76" s="45" t="s">
        <v>456</v>
      </c>
      <c r="B76" s="112">
        <v>509</v>
      </c>
      <c r="C76" s="47">
        <v>3.2</v>
      </c>
      <c r="D76" s="48">
        <v>0.1764</v>
      </c>
      <c r="E76" s="113">
        <v>0.60599999999999998</v>
      </c>
      <c r="F76" s="94">
        <v>4.3163277398876196E-2</v>
      </c>
      <c r="G76" s="113">
        <v>8.5000000000000006E-2</v>
      </c>
      <c r="H76" s="94">
        <v>2.5045813638954542E-2</v>
      </c>
      <c r="I76" s="113">
        <v>0.28499999999999998</v>
      </c>
      <c r="J76" s="94">
        <v>3.9931036782746412E-2</v>
      </c>
      <c r="K76" s="93">
        <v>2.4E-2</v>
      </c>
      <c r="L76" s="94">
        <v>1.449435560999014E-2</v>
      </c>
      <c r="M76" s="112">
        <v>525</v>
      </c>
      <c r="N76" s="47">
        <v>4</v>
      </c>
      <c r="O76" s="48">
        <v>0.1764</v>
      </c>
      <c r="P76" s="113">
        <v>0.28000000000000003</v>
      </c>
      <c r="Q76" s="94">
        <v>3.9113926931874529E-2</v>
      </c>
      <c r="R76" s="113">
        <v>0.28000000000000003</v>
      </c>
      <c r="S76" s="94">
        <v>3.9113926931874529E-2</v>
      </c>
      <c r="T76" s="113">
        <v>0.39</v>
      </c>
      <c r="U76" s="94">
        <v>4.2429284653284924E-2</v>
      </c>
      <c r="V76" s="93">
        <v>0.06</v>
      </c>
      <c r="W76" s="94">
        <v>2.1178281691444686E-2</v>
      </c>
    </row>
    <row r="77" spans="1:23" ht="25.5">
      <c r="A77" s="49" t="s">
        <v>445</v>
      </c>
      <c r="B77" s="114">
        <v>170</v>
      </c>
      <c r="C77" s="51">
        <v>3.9</v>
      </c>
      <c r="D77" s="52">
        <v>0.3332</v>
      </c>
      <c r="E77" s="115">
        <v>0.45500000000000002</v>
      </c>
      <c r="F77" s="97">
        <v>7.5516159996021931E-2</v>
      </c>
      <c r="G77" s="115">
        <v>7.5999999999999998E-2</v>
      </c>
      <c r="H77" s="97">
        <v>4.2452016657245378E-2</v>
      </c>
      <c r="I77" s="115">
        <v>0.44</v>
      </c>
      <c r="J77" s="97">
        <v>7.5286978120939374E-2</v>
      </c>
      <c r="K77" s="96">
        <v>2.9000000000000001E-2</v>
      </c>
      <c r="L77" s="97">
        <v>2.9649814243696688E-2</v>
      </c>
      <c r="M77" s="114">
        <v>173</v>
      </c>
      <c r="N77" s="51">
        <v>5.2</v>
      </c>
      <c r="O77" s="52">
        <v>0.23519999999999999</v>
      </c>
      <c r="P77" s="115">
        <v>0.44</v>
      </c>
      <c r="Q77" s="97">
        <v>7.4645811248859606E-2</v>
      </c>
      <c r="R77" s="115">
        <v>0.41000000000000003</v>
      </c>
      <c r="S77" s="97">
        <v>7.3992206789603693E-2</v>
      </c>
      <c r="T77" s="115">
        <v>0.13</v>
      </c>
      <c r="U77" s="97">
        <v>5.1905532306786177E-2</v>
      </c>
      <c r="V77" s="96">
        <v>0.02</v>
      </c>
      <c r="W77" s="97">
        <v>2.599256390188329E-2</v>
      </c>
    </row>
    <row r="78" spans="1:23">
      <c r="A78" s="45" t="s">
        <v>446</v>
      </c>
      <c r="B78" s="83">
        <v>113</v>
      </c>
      <c r="C78" s="47">
        <v>2.2999999999999998</v>
      </c>
      <c r="D78" s="48">
        <v>0.31359999999999999</v>
      </c>
      <c r="E78" s="98">
        <v>0.77100000000000002</v>
      </c>
      <c r="F78" s="94">
        <v>7.8771500639342004E-2</v>
      </c>
      <c r="G78" s="98">
        <v>0.122</v>
      </c>
      <c r="H78" s="94">
        <v>6.3169515594149808E-2</v>
      </c>
      <c r="I78" s="98">
        <v>9.9000000000000005E-2</v>
      </c>
      <c r="J78" s="94">
        <v>5.8472286510516058E-2</v>
      </c>
      <c r="K78" s="98">
        <v>8.0000000000000002E-3</v>
      </c>
      <c r="L78" s="94">
        <v>2.8766347244766434E-2</v>
      </c>
      <c r="M78" s="83">
        <v>123</v>
      </c>
      <c r="N78" s="47">
        <v>2.6</v>
      </c>
      <c r="O78" s="48">
        <v>0.27440000000000003</v>
      </c>
      <c r="P78" s="98">
        <v>0.03</v>
      </c>
      <c r="Q78" s="94">
        <v>3.6713758665215819E-2</v>
      </c>
      <c r="R78" s="98">
        <v>0.22</v>
      </c>
      <c r="S78" s="94">
        <v>7.4550793279707511E-2</v>
      </c>
      <c r="T78" s="98">
        <v>0.66</v>
      </c>
      <c r="U78" s="94">
        <v>8.4366505122563148E-2</v>
      </c>
      <c r="V78" s="98">
        <v>0.09</v>
      </c>
      <c r="W78" s="94">
        <v>5.3923895290395166E-2</v>
      </c>
    </row>
    <row r="79" spans="1:23">
      <c r="A79" s="49" t="s">
        <v>447</v>
      </c>
      <c r="B79" s="114">
        <v>94</v>
      </c>
      <c r="C79" s="51">
        <v>2.7</v>
      </c>
      <c r="D79" s="52">
        <v>0.43119999999999997</v>
      </c>
      <c r="E79" s="115">
        <v>0.71599999999999997</v>
      </c>
      <c r="F79" s="97">
        <v>9.1934964912032999E-2</v>
      </c>
      <c r="G79" s="115">
        <v>0.05</v>
      </c>
      <c r="H79" s="97">
        <v>5.0987494589791571E-2</v>
      </c>
      <c r="I79" s="115">
        <v>0.193</v>
      </c>
      <c r="J79" s="97">
        <v>8.1638271256065889E-2</v>
      </c>
      <c r="K79" s="96">
        <v>4.1000000000000002E-2</v>
      </c>
      <c r="L79" s="97">
        <v>4.7880148084654246E-2</v>
      </c>
      <c r="M79" s="114">
        <v>95</v>
      </c>
      <c r="N79" s="51">
        <v>2.7</v>
      </c>
      <c r="O79" s="52">
        <v>0.3332</v>
      </c>
      <c r="P79" s="115">
        <v>0.01</v>
      </c>
      <c r="Q79" s="97">
        <v>3.4177232777402665E-2</v>
      </c>
      <c r="R79" s="115">
        <v>0.26</v>
      </c>
      <c r="S79" s="97">
        <v>8.9207626215926539E-2</v>
      </c>
      <c r="T79" s="115">
        <v>0.65</v>
      </c>
      <c r="U79" s="97">
        <v>9.6249140281582962E-2</v>
      </c>
      <c r="V79" s="96">
        <v>0.08</v>
      </c>
      <c r="W79" s="97">
        <v>5.9481454486676695E-2</v>
      </c>
    </row>
    <row r="80" spans="1:23">
      <c r="A80" s="57" t="s">
        <v>448</v>
      </c>
      <c r="B80" s="112">
        <v>132</v>
      </c>
      <c r="C80" s="47">
        <v>3.7</v>
      </c>
      <c r="D80" s="48">
        <v>0.3332</v>
      </c>
      <c r="E80" s="113">
        <v>0.49099999999999999</v>
      </c>
      <c r="F80" s="94">
        <v>8.5736205310701558E-2</v>
      </c>
      <c r="G80" s="113">
        <v>8.6999999999999994E-2</v>
      </c>
      <c r="H80" s="94">
        <v>5.1253958111192863E-2</v>
      </c>
      <c r="I80" s="113">
        <v>0.40300000000000002</v>
      </c>
      <c r="J80" s="94">
        <v>8.4215467930024046E-2</v>
      </c>
      <c r="K80" s="93">
        <v>1.9E-2</v>
      </c>
      <c r="L80" s="94">
        <v>3.0701758579100631E-2</v>
      </c>
      <c r="M80" s="112">
        <v>134</v>
      </c>
      <c r="N80" s="47">
        <v>6</v>
      </c>
      <c r="O80" s="48">
        <v>0.23519999999999999</v>
      </c>
      <c r="P80" s="113">
        <v>0.77</v>
      </c>
      <c r="Q80" s="94">
        <v>7.2484848855521852E-2</v>
      </c>
      <c r="R80" s="113">
        <v>0.15</v>
      </c>
      <c r="S80" s="94">
        <v>6.243803414462084E-2</v>
      </c>
      <c r="T80" s="113">
        <v>0.06</v>
      </c>
      <c r="U80" s="94">
        <v>4.4219653805160755E-2</v>
      </c>
      <c r="V80" s="93">
        <v>0.02</v>
      </c>
      <c r="W80" s="94">
        <v>3.0816403010434562E-2</v>
      </c>
    </row>
    <row r="81" spans="1:23">
      <c r="A81" s="49" t="s">
        <v>457</v>
      </c>
      <c r="B81" s="114">
        <v>732</v>
      </c>
      <c r="C81" s="51">
        <v>3.1</v>
      </c>
      <c r="D81" s="52">
        <v>0.15679999999999999</v>
      </c>
      <c r="E81" s="115">
        <v>0.65200000000000002</v>
      </c>
      <c r="F81" s="97">
        <v>3.5135332150124619E-2</v>
      </c>
      <c r="G81" s="115">
        <v>7.6999999999999999E-2</v>
      </c>
      <c r="H81" s="97">
        <v>1.9919756883884143E-2</v>
      </c>
      <c r="I81" s="115">
        <v>0.25600000000000001</v>
      </c>
      <c r="J81" s="97">
        <v>3.222790546892472E-2</v>
      </c>
      <c r="K81" s="96">
        <v>1.4999999999999999E-2</v>
      </c>
      <c r="L81" s="97">
        <v>9.7034411393632485E-3</v>
      </c>
      <c r="M81" s="114">
        <v>744</v>
      </c>
      <c r="N81" s="51">
        <v>4.2</v>
      </c>
      <c r="O81" s="52">
        <v>0.13720000000000002</v>
      </c>
      <c r="P81" s="115">
        <v>0.24</v>
      </c>
      <c r="Q81" s="97">
        <v>3.1293082517245684E-2</v>
      </c>
      <c r="R81" s="115">
        <v>0.33999999999999997</v>
      </c>
      <c r="S81" s="97">
        <v>3.4662086479535052E-2</v>
      </c>
      <c r="T81" s="115">
        <v>0.29000000000000004</v>
      </c>
      <c r="U81" s="97">
        <v>3.3220249980307565E-2</v>
      </c>
      <c r="V81" s="96">
        <v>0.12</v>
      </c>
      <c r="W81" s="97">
        <v>2.3936218239514619E-2</v>
      </c>
    </row>
    <row r="82" spans="1:23">
      <c r="A82" s="57" t="s">
        <v>449</v>
      </c>
      <c r="B82" s="112">
        <v>133</v>
      </c>
      <c r="C82" s="47">
        <v>3.2</v>
      </c>
      <c r="D82" s="48">
        <v>0.37240000000000001</v>
      </c>
      <c r="E82" s="113">
        <v>0.55600000000000005</v>
      </c>
      <c r="F82" s="94">
        <v>8.4929245045722634E-2</v>
      </c>
      <c r="G82" s="113">
        <v>0.11700000000000001</v>
      </c>
      <c r="H82" s="94">
        <v>5.7121137285435282E-2</v>
      </c>
      <c r="I82" s="113">
        <v>0.311</v>
      </c>
      <c r="J82" s="94">
        <v>7.9475368584234235E-2</v>
      </c>
      <c r="K82" s="93">
        <v>1.6E-2</v>
      </c>
      <c r="L82" s="94">
        <v>2.9210280355660465E-2</v>
      </c>
      <c r="M82" s="112">
        <v>133</v>
      </c>
      <c r="N82" s="47">
        <v>5.3</v>
      </c>
      <c r="O82" s="48">
        <v>0.25480000000000003</v>
      </c>
      <c r="P82" s="113">
        <v>0.53</v>
      </c>
      <c r="Q82" s="94">
        <v>8.5290707261502022E-2</v>
      </c>
      <c r="R82" s="113">
        <v>0.29000000000000004</v>
      </c>
      <c r="S82" s="94">
        <v>7.8011338980591663E-2</v>
      </c>
      <c r="T82" s="113">
        <v>0.09</v>
      </c>
      <c r="U82" s="94">
        <v>5.1707418962985058E-2</v>
      </c>
      <c r="V82" s="93">
        <v>0.08</v>
      </c>
      <c r="W82" s="94">
        <v>4.9449629110854001E-2</v>
      </c>
    </row>
    <row r="83" spans="1:23">
      <c r="A83" s="49" t="s">
        <v>450</v>
      </c>
      <c r="B83" s="114">
        <v>108</v>
      </c>
      <c r="C83" s="51">
        <v>2.8</v>
      </c>
      <c r="D83" s="52">
        <v>0.3528</v>
      </c>
      <c r="E83" s="115">
        <v>0.72</v>
      </c>
      <c r="F83" s="97">
        <v>8.5564388487614843E-2</v>
      </c>
      <c r="G83" s="115">
        <v>0.107</v>
      </c>
      <c r="H83" s="97">
        <v>6.164010468409728E-2</v>
      </c>
      <c r="I83" s="115">
        <v>0.17299999999999999</v>
      </c>
      <c r="J83" s="97">
        <v>7.3332022990269946E-2</v>
      </c>
      <c r="K83" s="96">
        <v>0</v>
      </c>
      <c r="L83" s="97">
        <v>2.5027317436669111E-2</v>
      </c>
      <c r="M83" s="114">
        <v>107</v>
      </c>
      <c r="N83" s="51">
        <v>4</v>
      </c>
      <c r="O83" s="52">
        <v>0.3332</v>
      </c>
      <c r="P83" s="115">
        <v>0.19</v>
      </c>
      <c r="Q83" s="97">
        <v>7.6098876188453693E-2</v>
      </c>
      <c r="R83" s="115">
        <v>0.33999999999999997</v>
      </c>
      <c r="S83" s="97">
        <v>9.0287189635400195E-2</v>
      </c>
      <c r="T83" s="115">
        <v>0.33</v>
      </c>
      <c r="U83" s="97">
        <v>8.9673150935021373E-2</v>
      </c>
      <c r="V83" s="96">
        <v>0.14000000000000001</v>
      </c>
      <c r="W83" s="97">
        <v>6.8332056902018198E-2</v>
      </c>
    </row>
    <row r="84" spans="1:23" ht="25.5">
      <c r="A84" s="57" t="s">
        <v>451</v>
      </c>
      <c r="B84" s="112">
        <v>185</v>
      </c>
      <c r="C84" s="47">
        <v>2.6</v>
      </c>
      <c r="D84" s="48">
        <v>0.27440000000000003</v>
      </c>
      <c r="E84" s="113">
        <v>0.73</v>
      </c>
      <c r="F84" s="94">
        <v>6.494856877646682E-2</v>
      </c>
      <c r="G84" s="113">
        <v>7.5999999999999998E-2</v>
      </c>
      <c r="H84" s="94">
        <v>4.0565589094523097E-2</v>
      </c>
      <c r="I84" s="113">
        <v>0.182</v>
      </c>
      <c r="J84" s="94">
        <v>5.6924917766908244E-2</v>
      </c>
      <c r="K84" s="93">
        <v>1.0999999999999999E-2</v>
      </c>
      <c r="L84" s="94">
        <v>2.1028284171193141E-2</v>
      </c>
      <c r="M84" s="112">
        <v>189</v>
      </c>
      <c r="N84" s="47">
        <v>3.4</v>
      </c>
      <c r="O84" s="48">
        <v>0.29399999999999998</v>
      </c>
      <c r="P84" s="113">
        <v>0.12</v>
      </c>
      <c r="Q84" s="94">
        <v>4.8076680202688259E-2</v>
      </c>
      <c r="R84" s="113">
        <v>0.31</v>
      </c>
      <c r="S84" s="94">
        <v>6.6812065957596228E-2</v>
      </c>
      <c r="T84" s="113">
        <v>0.41000000000000003</v>
      </c>
      <c r="U84" s="94">
        <v>7.0854484466851206E-2</v>
      </c>
      <c r="V84" s="93">
        <v>0.16</v>
      </c>
      <c r="W84" s="94">
        <v>5.3700774267198936E-2</v>
      </c>
    </row>
    <row r="85" spans="1:23">
      <c r="A85" s="49" t="s">
        <v>452</v>
      </c>
      <c r="B85" s="114">
        <v>82</v>
      </c>
      <c r="C85" s="51">
        <v>3.3</v>
      </c>
      <c r="D85" s="52">
        <v>0.45080000000000003</v>
      </c>
      <c r="E85" s="115">
        <v>0.60899999999999999</v>
      </c>
      <c r="F85" s="97">
        <v>0.10547754236018536</v>
      </c>
      <c r="G85" s="115">
        <v>9.1999999999999998E-2</v>
      </c>
      <c r="H85" s="97">
        <v>6.7741267843997088E-2</v>
      </c>
      <c r="I85" s="115">
        <v>0.26400000000000001</v>
      </c>
      <c r="J85" s="97">
        <v>9.6295218153364698E-2</v>
      </c>
      <c r="K85" s="96">
        <v>3.5000000000000003E-2</v>
      </c>
      <c r="L85" s="97">
        <v>4.9846829167508364E-2</v>
      </c>
      <c r="M85" s="114">
        <v>83</v>
      </c>
      <c r="N85" s="51">
        <v>5</v>
      </c>
      <c r="O85" s="52">
        <v>0.27440000000000003</v>
      </c>
      <c r="P85" s="115">
        <v>0.34</v>
      </c>
      <c r="Q85" s="97">
        <v>0.10209301765389453</v>
      </c>
      <c r="R85" s="115">
        <v>0.48000000000000004</v>
      </c>
      <c r="S85" s="97">
        <v>0.10713316153916824</v>
      </c>
      <c r="T85" s="115">
        <v>0.11</v>
      </c>
      <c r="U85" s="97">
        <v>7.1619905054047639E-2</v>
      </c>
      <c r="V85" s="96">
        <v>7.0000000000000007E-2</v>
      </c>
      <c r="W85" s="97">
        <v>6.1293130779259422E-2</v>
      </c>
    </row>
    <row r="86" spans="1:23">
      <c r="A86" s="57" t="s">
        <v>453</v>
      </c>
      <c r="B86" s="112">
        <v>93</v>
      </c>
      <c r="C86" s="47">
        <v>2.8</v>
      </c>
      <c r="D86" s="48">
        <v>0.41159999999999997</v>
      </c>
      <c r="E86" s="113">
        <v>0.76800000000000002</v>
      </c>
      <c r="F86" s="94">
        <v>8.7101668806040256E-2</v>
      </c>
      <c r="G86" s="113">
        <v>2.8000000000000001E-2</v>
      </c>
      <c r="H86" s="94">
        <v>4.3178409103825387E-2</v>
      </c>
      <c r="I86" s="113">
        <v>0.20399999999999999</v>
      </c>
      <c r="J86" s="94">
        <v>8.3594768960193896E-2</v>
      </c>
      <c r="K86" s="93">
        <v>0</v>
      </c>
      <c r="L86" s="94">
        <v>2.885686812463846E-2</v>
      </c>
      <c r="M86" s="112">
        <v>99</v>
      </c>
      <c r="N86" s="47">
        <v>3.6</v>
      </c>
      <c r="O86" s="48">
        <v>0.37240000000000001</v>
      </c>
      <c r="P86" s="113">
        <v>0.1</v>
      </c>
      <c r="Q86" s="94">
        <v>6.2995108428771415E-2</v>
      </c>
      <c r="R86" s="113">
        <v>0.35</v>
      </c>
      <c r="S86" s="94">
        <v>9.4347763925695882E-2</v>
      </c>
      <c r="T86" s="113">
        <v>0.39</v>
      </c>
      <c r="U86" s="94">
        <v>9.6304847122857556E-2</v>
      </c>
      <c r="V86" s="93">
        <v>0.17</v>
      </c>
      <c r="W86" s="94">
        <v>7.6168952346683486E-2</v>
      </c>
    </row>
    <row r="87" spans="1:23">
      <c r="A87" s="49" t="s">
        <v>454</v>
      </c>
      <c r="B87" s="114">
        <v>131</v>
      </c>
      <c r="C87" s="51">
        <v>3.7</v>
      </c>
      <c r="D87" s="52">
        <v>0.37240000000000001</v>
      </c>
      <c r="E87" s="115">
        <v>0.50700000000000001</v>
      </c>
      <c r="F87" s="97">
        <v>8.6058354136123255E-2</v>
      </c>
      <c r="G87" s="115">
        <v>0.06</v>
      </c>
      <c r="H87" s="97">
        <v>4.4788433777412935E-2</v>
      </c>
      <c r="I87" s="115">
        <v>0.39900000000000002</v>
      </c>
      <c r="J87" s="97">
        <v>8.4396690841442523E-2</v>
      </c>
      <c r="K87" s="96">
        <v>3.4000000000000002E-2</v>
      </c>
      <c r="L87" s="97">
        <v>3.6725955784406891E-2</v>
      </c>
      <c r="M87" s="114">
        <v>133</v>
      </c>
      <c r="N87" s="51">
        <v>4.5999999999999996</v>
      </c>
      <c r="O87" s="52">
        <v>0.27440000000000003</v>
      </c>
      <c r="P87" s="115">
        <v>0.31</v>
      </c>
      <c r="Q87" s="97">
        <v>7.940973024058369E-2</v>
      </c>
      <c r="R87" s="115">
        <v>0.36</v>
      </c>
      <c r="S87" s="97">
        <v>8.2218831583864324E-2</v>
      </c>
      <c r="T87" s="115">
        <v>0.27</v>
      </c>
      <c r="U87" s="97">
        <v>7.6443568319862862E-2</v>
      </c>
      <c r="V87" s="96">
        <v>0.06</v>
      </c>
      <c r="W87" s="97">
        <v>4.4406901349063013E-2</v>
      </c>
    </row>
  </sheetData>
  <mergeCells count="14">
    <mergeCell ref="M63:W63"/>
    <mergeCell ref="B63:L63"/>
    <mergeCell ref="A61:W61"/>
    <mergeCell ref="A62:W62"/>
    <mergeCell ref="AI34:AS34"/>
    <mergeCell ref="M34:W34"/>
    <mergeCell ref="B34:L34"/>
    <mergeCell ref="A4:W4"/>
    <mergeCell ref="A3:W3"/>
    <mergeCell ref="A33:AS33"/>
    <mergeCell ref="A32:AS32"/>
    <mergeCell ref="X34:AH34"/>
    <mergeCell ref="B5:L5"/>
    <mergeCell ref="M5:W5"/>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74"/>
  <sheetViews>
    <sheetView zoomScaleNormal="100" zoomScalePageLayoutView="75" workbookViewId="0">
      <selection activeCell="A149" sqref="A149:W149"/>
    </sheetView>
  </sheetViews>
  <sheetFormatPr defaultColWidth="22.85546875" defaultRowHeight="15"/>
  <cols>
    <col min="1" max="1" width="39.5703125" customWidth="1"/>
  </cols>
  <sheetData>
    <row r="1" spans="1:6" ht="31.5">
      <c r="A1" s="33" t="s">
        <v>42</v>
      </c>
    </row>
    <row r="3" spans="1:6" ht="18.75">
      <c r="A3" s="321" t="s">
        <v>1</v>
      </c>
      <c r="B3" s="321"/>
      <c r="C3" s="321"/>
      <c r="D3" s="321"/>
    </row>
    <row r="4" spans="1:6" ht="201" customHeight="1">
      <c r="A4" s="346" t="s">
        <v>210</v>
      </c>
      <c r="B4" s="346"/>
      <c r="C4" s="346"/>
      <c r="D4" s="346"/>
      <c r="F4" s="229"/>
    </row>
    <row r="5" spans="1:6" ht="34.5" customHeight="1">
      <c r="A5" s="347" t="s">
        <v>122</v>
      </c>
      <c r="B5" s="348"/>
      <c r="C5" s="348"/>
      <c r="D5" s="348"/>
    </row>
    <row r="6" spans="1:6" ht="43.5" customHeight="1">
      <c r="A6" s="37" t="s">
        <v>85</v>
      </c>
      <c r="B6" s="38" t="s">
        <v>86</v>
      </c>
      <c r="C6" s="39" t="s">
        <v>87</v>
      </c>
      <c r="D6" s="40" t="s">
        <v>88</v>
      </c>
    </row>
    <row r="7" spans="1:6" ht="56.25" customHeight="1">
      <c r="A7" s="41"/>
      <c r="B7" s="42" t="s">
        <v>89</v>
      </c>
      <c r="C7" s="43" t="s">
        <v>123</v>
      </c>
      <c r="D7" s="44" t="s">
        <v>91</v>
      </c>
    </row>
    <row r="8" spans="1:6">
      <c r="A8" s="45" t="s">
        <v>436</v>
      </c>
      <c r="B8" s="83">
        <v>10585</v>
      </c>
      <c r="C8" s="84">
        <v>4.2</v>
      </c>
      <c r="D8" s="85">
        <v>1.9599999999999999E-2</v>
      </c>
    </row>
    <row r="9" spans="1:6">
      <c r="A9" s="49" t="s">
        <v>437</v>
      </c>
      <c r="B9" s="119">
        <v>7673</v>
      </c>
      <c r="C9" s="120">
        <v>4.0990636879316202</v>
      </c>
      <c r="D9" s="121">
        <v>2.3820489802410118E-2</v>
      </c>
    </row>
    <row r="10" spans="1:6">
      <c r="A10" s="45" t="s">
        <v>438</v>
      </c>
      <c r="B10" s="83">
        <v>1949</v>
      </c>
      <c r="C10" s="84">
        <v>4.16</v>
      </c>
      <c r="D10" s="85">
        <v>5.8799999999999998E-2</v>
      </c>
    </row>
    <row r="11" spans="1:6">
      <c r="A11" s="49" t="s">
        <v>439</v>
      </c>
      <c r="B11" s="119">
        <v>3816</v>
      </c>
      <c r="C11" s="120">
        <v>4.2</v>
      </c>
      <c r="D11" s="121">
        <v>3.9199999999999999E-2</v>
      </c>
    </row>
    <row r="12" spans="1:6">
      <c r="A12" s="45" t="s">
        <v>440</v>
      </c>
      <c r="B12" s="83">
        <v>3191</v>
      </c>
      <c r="C12" s="84">
        <v>4.17</v>
      </c>
      <c r="D12" s="85">
        <v>3.9199999999999999E-2</v>
      </c>
    </row>
    <row r="13" spans="1:6">
      <c r="A13" s="49" t="s">
        <v>455</v>
      </c>
      <c r="B13" s="119">
        <v>557</v>
      </c>
      <c r="C13" s="120">
        <v>4.2</v>
      </c>
      <c r="D13" s="121">
        <v>9.8000000000000004E-2</v>
      </c>
    </row>
    <row r="14" spans="1:6">
      <c r="A14" s="45" t="s">
        <v>441</v>
      </c>
      <c r="B14" s="83">
        <v>110</v>
      </c>
      <c r="C14" s="84">
        <v>4.3</v>
      </c>
      <c r="D14" s="85">
        <v>0.21559999999999999</v>
      </c>
    </row>
    <row r="15" spans="1:6">
      <c r="A15" s="49" t="s">
        <v>442</v>
      </c>
      <c r="B15" s="119">
        <v>170</v>
      </c>
      <c r="C15" s="120">
        <v>4.0999999999999996</v>
      </c>
      <c r="D15" s="121">
        <v>0.1764</v>
      </c>
    </row>
    <row r="16" spans="1:6">
      <c r="A16" s="45" t="s">
        <v>443</v>
      </c>
      <c r="B16" s="83">
        <v>132</v>
      </c>
      <c r="C16" s="84">
        <v>4.2</v>
      </c>
      <c r="D16" s="85">
        <v>0.19600000000000001</v>
      </c>
    </row>
    <row r="17" spans="1:17">
      <c r="A17" s="49" t="s">
        <v>444</v>
      </c>
      <c r="B17" s="119">
        <v>145</v>
      </c>
      <c r="C17" s="120">
        <v>4.2</v>
      </c>
      <c r="D17" s="121">
        <v>0.1764</v>
      </c>
    </row>
    <row r="18" spans="1:17">
      <c r="A18" s="45" t="s">
        <v>456</v>
      </c>
      <c r="B18" s="116">
        <v>513</v>
      </c>
      <c r="C18" s="117">
        <v>4.0999999999999996</v>
      </c>
      <c r="D18" s="118">
        <v>9.8000000000000004E-2</v>
      </c>
    </row>
    <row r="19" spans="1:17" ht="25.5">
      <c r="A19" s="49" t="s">
        <v>445</v>
      </c>
      <c r="B19" s="119">
        <v>167</v>
      </c>
      <c r="C19" s="120">
        <v>4.4000000000000004</v>
      </c>
      <c r="D19" s="121">
        <v>0.15679999999999999</v>
      </c>
    </row>
    <row r="20" spans="1:17">
      <c r="A20" s="45" t="s">
        <v>446</v>
      </c>
      <c r="B20" s="83">
        <v>119</v>
      </c>
      <c r="C20" s="84">
        <v>4.3</v>
      </c>
      <c r="D20" s="85">
        <v>0.1764</v>
      </c>
    </row>
    <row r="21" spans="1:17">
      <c r="A21" s="49" t="s">
        <v>447</v>
      </c>
      <c r="B21" s="119">
        <v>95</v>
      </c>
      <c r="C21" s="120">
        <v>3.8</v>
      </c>
      <c r="D21" s="121">
        <v>0.21559999999999999</v>
      </c>
    </row>
    <row r="22" spans="1:17" ht="25.5">
      <c r="A22" s="57" t="s">
        <v>448</v>
      </c>
      <c r="B22" s="116">
        <v>132</v>
      </c>
      <c r="C22" s="117">
        <v>3.8</v>
      </c>
      <c r="D22" s="118">
        <v>0.1764</v>
      </c>
    </row>
    <row r="23" spans="1:17">
      <c r="A23" s="49" t="s">
        <v>457</v>
      </c>
      <c r="B23" s="119">
        <v>728</v>
      </c>
      <c r="C23" s="120">
        <v>4.0999999999999996</v>
      </c>
      <c r="D23" s="121">
        <v>7.8399999999999997E-2</v>
      </c>
    </row>
    <row r="24" spans="1:17">
      <c r="A24" s="57" t="s">
        <v>449</v>
      </c>
      <c r="B24" s="116">
        <v>128</v>
      </c>
      <c r="C24" s="117">
        <v>4.0999999999999996</v>
      </c>
      <c r="D24" s="118">
        <v>0.1764</v>
      </c>
    </row>
    <row r="25" spans="1:17">
      <c r="A25" s="49" t="s">
        <v>450</v>
      </c>
      <c r="B25" s="119">
        <v>106</v>
      </c>
      <c r="C25" s="120">
        <v>4.4000000000000004</v>
      </c>
      <c r="D25" s="121">
        <v>0.19600000000000001</v>
      </c>
    </row>
    <row r="26" spans="1:17" ht="25.5">
      <c r="A26" s="57" t="s">
        <v>451</v>
      </c>
      <c r="B26" s="116">
        <v>185</v>
      </c>
      <c r="C26" s="117">
        <v>4.0999999999999996</v>
      </c>
      <c r="D26" s="118">
        <v>0.15679999999999999</v>
      </c>
    </row>
    <row r="27" spans="1:17">
      <c r="A27" s="49" t="s">
        <v>452</v>
      </c>
      <c r="B27" s="119">
        <v>84</v>
      </c>
      <c r="C27" s="120">
        <v>4.0999999999999996</v>
      </c>
      <c r="D27" s="121">
        <v>0.21559999999999999</v>
      </c>
    </row>
    <row r="28" spans="1:17">
      <c r="A28" s="57" t="s">
        <v>453</v>
      </c>
      <c r="B28" s="116">
        <v>97</v>
      </c>
      <c r="C28" s="117">
        <v>4.3</v>
      </c>
      <c r="D28" s="118">
        <v>0.21559999999999999</v>
      </c>
    </row>
    <row r="29" spans="1:17">
      <c r="A29" s="49" t="s">
        <v>454</v>
      </c>
      <c r="B29" s="119">
        <v>128</v>
      </c>
      <c r="C29" s="120">
        <v>3.8</v>
      </c>
      <c r="D29" s="121">
        <v>0.19600000000000001</v>
      </c>
    </row>
    <row r="32" spans="1:17" ht="18.75">
      <c r="A32" s="321" t="s">
        <v>35</v>
      </c>
      <c r="B32" s="321"/>
      <c r="C32" s="321"/>
      <c r="D32" s="321"/>
      <c r="E32" s="321"/>
      <c r="F32" s="321"/>
      <c r="G32" s="321"/>
      <c r="H32" s="321"/>
      <c r="I32" s="321"/>
      <c r="J32" s="321"/>
      <c r="K32" s="321"/>
      <c r="L32" s="321"/>
      <c r="M32" s="321"/>
      <c r="N32" s="321"/>
      <c r="O32" s="321"/>
      <c r="P32" s="321"/>
      <c r="Q32" s="321"/>
    </row>
    <row r="33" spans="1:17" ht="58.5" customHeight="1">
      <c r="A33" s="349" t="s">
        <v>211</v>
      </c>
      <c r="B33" s="349"/>
      <c r="C33" s="349"/>
      <c r="D33" s="349"/>
      <c r="E33" s="349"/>
      <c r="F33" s="349"/>
      <c r="G33" s="349"/>
      <c r="H33" s="349"/>
      <c r="I33" s="349"/>
      <c r="J33" s="349"/>
      <c r="K33" s="349"/>
      <c r="L33" s="349"/>
      <c r="M33" s="349"/>
      <c r="N33" s="349"/>
      <c r="O33" s="349"/>
      <c r="P33" s="349"/>
      <c r="Q33" s="349"/>
    </row>
    <row r="34" spans="1:17" ht="39" customHeight="1">
      <c r="A34" s="109"/>
      <c r="B34" s="348" t="s">
        <v>124</v>
      </c>
      <c r="C34" s="348"/>
      <c r="D34" s="348"/>
      <c r="E34" s="348"/>
      <c r="F34" s="348"/>
      <c r="G34" s="348"/>
      <c r="H34" s="348"/>
      <c r="I34" s="348" t="s">
        <v>328</v>
      </c>
      <c r="J34" s="348"/>
      <c r="K34" s="348"/>
      <c r="L34" s="348"/>
      <c r="M34" s="348"/>
      <c r="N34" s="348"/>
      <c r="O34" s="348"/>
      <c r="P34" s="348"/>
      <c r="Q34" s="348"/>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9</v>
      </c>
      <c r="K36" s="90" t="s">
        <v>104</v>
      </c>
      <c r="L36" s="68" t="s">
        <v>330</v>
      </c>
      <c r="M36" s="90" t="s">
        <v>104</v>
      </c>
      <c r="N36" s="68" t="s">
        <v>331</v>
      </c>
      <c r="O36" s="90" t="s">
        <v>104</v>
      </c>
      <c r="P36" s="68" t="s">
        <v>332</v>
      </c>
      <c r="Q36" s="90" t="s">
        <v>104</v>
      </c>
    </row>
    <row r="37" spans="1:17">
      <c r="A37" s="45" t="s">
        <v>436</v>
      </c>
      <c r="B37" s="122">
        <v>7941</v>
      </c>
      <c r="C37" s="123">
        <v>0.36</v>
      </c>
      <c r="D37" s="94">
        <v>1.0770673903927353E-2</v>
      </c>
      <c r="E37" s="123">
        <v>0.44</v>
      </c>
      <c r="F37" s="94">
        <v>1.1137984017958874E-2</v>
      </c>
      <c r="G37" s="123">
        <v>0.2</v>
      </c>
      <c r="H37" s="94">
        <v>8.9777180358180629E-3</v>
      </c>
      <c r="I37" s="124">
        <v>10570</v>
      </c>
      <c r="J37" s="123">
        <v>7.0000000000000007E-2</v>
      </c>
      <c r="K37" s="94">
        <v>4.9678315993187698E-3</v>
      </c>
      <c r="L37" s="123">
        <v>0.33</v>
      </c>
      <c r="M37" s="94">
        <v>9.1458944045153031E-3</v>
      </c>
      <c r="N37" s="123">
        <v>0.45</v>
      </c>
      <c r="O37" s="94">
        <v>9.6760834098690348E-3</v>
      </c>
      <c r="P37" s="123">
        <v>0.15</v>
      </c>
      <c r="Q37" s="94">
        <v>6.9474142141470012E-3</v>
      </c>
    </row>
    <row r="38" spans="1:17">
      <c r="A38" s="49" t="s">
        <v>437</v>
      </c>
      <c r="B38" s="49">
        <v>7384</v>
      </c>
      <c r="C38" s="126">
        <v>0.36</v>
      </c>
      <c r="D38" s="97">
        <v>1.1169347068972688E-2</v>
      </c>
      <c r="E38" s="126">
        <v>0.43</v>
      </c>
      <c r="F38" s="97">
        <v>1.1519746105406547E-2</v>
      </c>
      <c r="G38" s="126">
        <v>0.21</v>
      </c>
      <c r="H38" s="97">
        <v>9.4800117976022863E-3</v>
      </c>
      <c r="I38" s="49">
        <v>8448</v>
      </c>
      <c r="J38" s="126">
        <v>0.06</v>
      </c>
      <c r="K38" s="97">
        <v>5.174805323020947E-3</v>
      </c>
      <c r="L38" s="126">
        <v>0.32</v>
      </c>
      <c r="M38" s="97">
        <v>1.0148697109705583E-2</v>
      </c>
      <c r="N38" s="126">
        <v>0.46</v>
      </c>
      <c r="O38" s="97">
        <v>1.0842448570167662E-2</v>
      </c>
      <c r="P38" s="126">
        <v>0.16</v>
      </c>
      <c r="Q38" s="97">
        <v>7.9785974947230963E-3</v>
      </c>
    </row>
    <row r="39" spans="1:17">
      <c r="A39" s="45" t="s">
        <v>438</v>
      </c>
      <c r="B39" s="53">
        <v>709</v>
      </c>
      <c r="C39" s="123">
        <v>0.33600000000000002</v>
      </c>
      <c r="D39" s="94">
        <v>3.5402310674731388E-2</v>
      </c>
      <c r="E39" s="123">
        <v>0.42</v>
      </c>
      <c r="F39" s="94">
        <v>3.6973255777585964E-2</v>
      </c>
      <c r="G39" s="123">
        <v>0.24399999999999999</v>
      </c>
      <c r="H39" s="94">
        <v>3.2233132550217612E-2</v>
      </c>
      <c r="I39" s="53">
        <v>1949</v>
      </c>
      <c r="J39" s="123">
        <v>8.3000000000000004E-2</v>
      </c>
      <c r="K39" s="94">
        <v>1.2543631215236904E-2</v>
      </c>
      <c r="L39" s="123">
        <v>0.35</v>
      </c>
      <c r="M39" s="94">
        <v>2.1590238426645487E-2</v>
      </c>
      <c r="N39" s="123">
        <v>0.40500000000000003</v>
      </c>
      <c r="O39" s="94">
        <v>2.22176512358165E-2</v>
      </c>
      <c r="P39" s="123">
        <v>0.16200000000000001</v>
      </c>
      <c r="Q39" s="94">
        <v>1.6703400019908173E-2</v>
      </c>
    </row>
    <row r="40" spans="1:17">
      <c r="A40" s="49" t="s">
        <v>439</v>
      </c>
      <c r="B40" s="49">
        <v>2972</v>
      </c>
      <c r="C40" s="126">
        <v>0.37</v>
      </c>
      <c r="D40" s="97">
        <v>1.7702188354808388E-2</v>
      </c>
      <c r="E40" s="126">
        <v>0.43</v>
      </c>
      <c r="F40" s="97">
        <v>1.815084505833716E-2</v>
      </c>
      <c r="G40" s="126">
        <v>0.2</v>
      </c>
      <c r="H40" s="97">
        <v>1.4675787100066506E-2</v>
      </c>
      <c r="I40" s="49">
        <v>3809</v>
      </c>
      <c r="J40" s="126">
        <v>0.06</v>
      </c>
      <c r="K40" s="97">
        <v>7.7195788425020928E-3</v>
      </c>
      <c r="L40" s="126">
        <v>0.31</v>
      </c>
      <c r="M40" s="97">
        <v>1.498231149235839E-2</v>
      </c>
      <c r="N40" s="126">
        <v>0.46</v>
      </c>
      <c r="O40" s="97">
        <v>1.6142668256780734E-2</v>
      </c>
      <c r="P40" s="126">
        <v>0.16</v>
      </c>
      <c r="Q40" s="97">
        <v>1.1884681122716212E-2</v>
      </c>
    </row>
    <row r="41" spans="1:17">
      <c r="A41" s="45" t="s">
        <v>440</v>
      </c>
      <c r="B41" s="53">
        <v>2758</v>
      </c>
      <c r="C41" s="123">
        <v>0.374</v>
      </c>
      <c r="D41" s="94">
        <v>1.8415509581669917E-2</v>
      </c>
      <c r="E41" s="123">
        <v>0.439</v>
      </c>
      <c r="F41" s="94">
        <v>1.888605912806909E-2</v>
      </c>
      <c r="G41" s="123">
        <v>0.187</v>
      </c>
      <c r="H41" s="94">
        <v>1.4852134188605261E-2</v>
      </c>
      <c r="I41" s="53">
        <v>3184</v>
      </c>
      <c r="J41" s="123">
        <v>0.06</v>
      </c>
      <c r="K41" s="94">
        <v>8.4483460439699135E-3</v>
      </c>
      <c r="L41" s="123">
        <v>0.29099999999999998</v>
      </c>
      <c r="M41" s="94">
        <v>1.6093693083615135E-2</v>
      </c>
      <c r="N41" s="123">
        <v>0.49399999999999999</v>
      </c>
      <c r="O41" s="94">
        <v>1.770963664124673E-2</v>
      </c>
      <c r="P41" s="123">
        <v>0.155</v>
      </c>
      <c r="Q41" s="94">
        <v>1.2833921057565666E-2</v>
      </c>
    </row>
    <row r="42" spans="1:17">
      <c r="A42" s="49" t="s">
        <v>455</v>
      </c>
      <c r="B42" s="49">
        <v>469</v>
      </c>
      <c r="C42" s="126">
        <v>0.42</v>
      </c>
      <c r="D42" s="97">
        <v>4.5397729082966333E-2</v>
      </c>
      <c r="E42" s="126">
        <v>0.35</v>
      </c>
      <c r="F42" s="97">
        <v>4.3898686028610669E-2</v>
      </c>
      <c r="G42" s="126">
        <v>0.23</v>
      </c>
      <c r="H42" s="97">
        <v>3.883371255278955E-2</v>
      </c>
      <c r="I42" s="49">
        <v>556</v>
      </c>
      <c r="J42" s="126">
        <v>0.1</v>
      </c>
      <c r="K42" s="97">
        <v>2.5673436942324001E-2</v>
      </c>
      <c r="L42" s="126">
        <v>0.23</v>
      </c>
      <c r="M42" s="97">
        <v>3.567088740772803E-2</v>
      </c>
      <c r="N42" s="126">
        <v>0.52</v>
      </c>
      <c r="O42" s="97">
        <v>4.222437463611603E-2</v>
      </c>
      <c r="P42" s="126">
        <v>0.16</v>
      </c>
      <c r="Q42" s="97">
        <v>3.1172965692847762E-2</v>
      </c>
    </row>
    <row r="43" spans="1:17">
      <c r="A43" s="45" t="s">
        <v>441</v>
      </c>
      <c r="B43" s="53">
        <v>93</v>
      </c>
      <c r="C43" s="123">
        <v>0.42</v>
      </c>
      <c r="D43" s="94">
        <v>0.10033283822853868</v>
      </c>
      <c r="E43" s="123">
        <v>0.31</v>
      </c>
      <c r="F43" s="94">
        <v>9.4556137595096679E-2</v>
      </c>
      <c r="G43" s="123">
        <v>0.27</v>
      </c>
      <c r="H43" s="94">
        <v>9.1126496463209403E-2</v>
      </c>
      <c r="I43" s="53">
        <v>110</v>
      </c>
      <c r="J43" s="123">
        <v>0.09</v>
      </c>
      <c r="K43" s="94">
        <v>5.7274205100386603E-2</v>
      </c>
      <c r="L43" s="123">
        <v>0.17</v>
      </c>
      <c r="M43" s="94">
        <v>7.2210227501542087E-2</v>
      </c>
      <c r="N43" s="123">
        <v>0.56000000000000005</v>
      </c>
      <c r="O43" s="94">
        <v>9.302861273596616E-2</v>
      </c>
      <c r="P43" s="123">
        <v>0.18</v>
      </c>
      <c r="Q43" s="94">
        <v>7.3665887592708867E-2</v>
      </c>
    </row>
    <row r="44" spans="1:17">
      <c r="A44" s="49" t="s">
        <v>442</v>
      </c>
      <c r="B44" s="49">
        <v>149</v>
      </c>
      <c r="C44" s="126">
        <v>0.42</v>
      </c>
      <c r="D44" s="97">
        <v>7.9857760172632533E-2</v>
      </c>
      <c r="E44" s="126">
        <v>0.38</v>
      </c>
      <c r="F44" s="97">
        <v>7.8606008320000198E-2</v>
      </c>
      <c r="G44" s="126">
        <v>0.2</v>
      </c>
      <c r="H44" s="97">
        <v>6.5608139051710257E-2</v>
      </c>
      <c r="I44" s="49">
        <v>169</v>
      </c>
      <c r="J44" s="126">
        <v>0.14000000000000001</v>
      </c>
      <c r="K44" s="97">
        <v>5.4044250679285935E-2</v>
      </c>
      <c r="L44" s="126">
        <v>0.26</v>
      </c>
      <c r="M44" s="97">
        <v>6.7152279873589668E-2</v>
      </c>
      <c r="N44" s="126">
        <v>0.47</v>
      </c>
      <c r="O44" s="97">
        <v>7.5897883534720892E-2</v>
      </c>
      <c r="P44" s="126">
        <v>0.13</v>
      </c>
      <c r="Q44" s="97">
        <v>5.2532940240649029E-2</v>
      </c>
    </row>
    <row r="45" spans="1:17">
      <c r="A45" s="45" t="s">
        <v>443</v>
      </c>
      <c r="B45" s="53">
        <v>109</v>
      </c>
      <c r="C45" s="123">
        <v>0.42</v>
      </c>
      <c r="D45" s="94">
        <v>9.294495048299585E-2</v>
      </c>
      <c r="E45" s="123">
        <v>0.35</v>
      </c>
      <c r="F45" s="94">
        <v>9.0047131626176613E-2</v>
      </c>
      <c r="G45" s="123">
        <v>0.22</v>
      </c>
      <c r="H45" s="94">
        <v>7.9166499699155665E-2</v>
      </c>
      <c r="I45" s="53">
        <v>132</v>
      </c>
      <c r="J45" s="123">
        <v>7.0000000000000007E-2</v>
      </c>
      <c r="K45" s="94">
        <v>4.7221792853870001E-2</v>
      </c>
      <c r="L45" s="123">
        <v>0.19</v>
      </c>
      <c r="M45" s="94">
        <v>6.8485681133010512E-2</v>
      </c>
      <c r="N45" s="123">
        <v>0.52</v>
      </c>
      <c r="O45" s="94">
        <v>8.5684644686370229E-2</v>
      </c>
      <c r="P45" s="123">
        <v>0.21</v>
      </c>
      <c r="Q45" s="94">
        <v>7.0871529992548019E-2</v>
      </c>
    </row>
    <row r="46" spans="1:17">
      <c r="A46" s="49" t="s">
        <v>444</v>
      </c>
      <c r="B46" s="49">
        <v>118</v>
      </c>
      <c r="C46" s="126">
        <v>0.43</v>
      </c>
      <c r="D46" s="97">
        <v>8.9701882224193424E-2</v>
      </c>
      <c r="E46" s="126">
        <v>0.32</v>
      </c>
      <c r="F46" s="97">
        <v>8.4870153632511214E-2</v>
      </c>
      <c r="G46" s="126">
        <v>0.26</v>
      </c>
      <c r="H46" s="97">
        <v>8.0187307433816774E-2</v>
      </c>
      <c r="I46" s="49">
        <v>145</v>
      </c>
      <c r="J46" s="126">
        <v>7.0000000000000007E-2</v>
      </c>
      <c r="K46" s="97">
        <v>4.4839538377112229E-2</v>
      </c>
      <c r="L46" s="126">
        <v>0.24</v>
      </c>
      <c r="M46" s="97">
        <v>7.0659560342456532E-2</v>
      </c>
      <c r="N46" s="126">
        <v>0.54</v>
      </c>
      <c r="O46" s="97">
        <v>8.1674546968593678E-2</v>
      </c>
      <c r="P46" s="126">
        <v>0.15</v>
      </c>
      <c r="Q46" s="97">
        <v>5.9975139569241234E-2</v>
      </c>
    </row>
    <row r="47" spans="1:17">
      <c r="A47" s="45" t="s">
        <v>456</v>
      </c>
      <c r="B47" s="122">
        <v>432</v>
      </c>
      <c r="C47" s="123">
        <v>0.38</v>
      </c>
      <c r="D47" s="94">
        <v>4.6517532273829314E-2</v>
      </c>
      <c r="E47" s="123">
        <v>0.45</v>
      </c>
      <c r="F47" s="94">
        <v>4.7655651410643797E-2</v>
      </c>
      <c r="G47" s="123">
        <v>0.17</v>
      </c>
      <c r="H47" s="94">
        <v>3.6231796978847236E-2</v>
      </c>
      <c r="I47" s="124">
        <v>510</v>
      </c>
      <c r="J47" s="123">
        <v>0.04</v>
      </c>
      <c r="K47" s="94">
        <v>1.8010064303881603E-2</v>
      </c>
      <c r="L47" s="123">
        <v>0.33</v>
      </c>
      <c r="M47" s="94">
        <v>4.1522396116255023E-2</v>
      </c>
      <c r="N47" s="123">
        <v>0.49</v>
      </c>
      <c r="O47" s="94">
        <v>4.4099423429366034E-2</v>
      </c>
      <c r="P47" s="123">
        <v>0.13</v>
      </c>
      <c r="Q47" s="94">
        <v>2.9944494499952883E-2</v>
      </c>
    </row>
    <row r="48" spans="1:17" ht="25.5">
      <c r="A48" s="49" t="s">
        <v>445</v>
      </c>
      <c r="B48" s="125">
        <v>139</v>
      </c>
      <c r="C48" s="126">
        <v>0.27</v>
      </c>
      <c r="D48" s="97">
        <v>7.4799134242472143E-2</v>
      </c>
      <c r="E48" s="126">
        <v>0.53</v>
      </c>
      <c r="F48" s="97">
        <v>8.3481859418751483E-2</v>
      </c>
      <c r="G48" s="126">
        <v>0.2</v>
      </c>
      <c r="H48" s="97">
        <v>6.7929322781302232E-2</v>
      </c>
      <c r="I48" s="127">
        <v>165</v>
      </c>
      <c r="J48" s="126">
        <v>0.02</v>
      </c>
      <c r="K48" s="97">
        <v>2.6814037551576905E-2</v>
      </c>
      <c r="L48" s="126">
        <v>0.23</v>
      </c>
      <c r="M48" s="97">
        <v>6.5363806402340838E-2</v>
      </c>
      <c r="N48" s="126">
        <v>0.56999999999999995</v>
      </c>
      <c r="O48" s="97">
        <v>7.6201105407627048E-2</v>
      </c>
      <c r="P48" s="126">
        <v>0.18</v>
      </c>
      <c r="Q48" s="97">
        <v>6.0057166521978185E-2</v>
      </c>
    </row>
    <row r="49" spans="1:17">
      <c r="A49" s="45" t="s">
        <v>446</v>
      </c>
      <c r="B49" s="83">
        <v>99</v>
      </c>
      <c r="C49" s="98">
        <v>0.33</v>
      </c>
      <c r="D49" s="94">
        <v>9.312296382017618E-2</v>
      </c>
      <c r="E49" s="98">
        <v>0.42</v>
      </c>
      <c r="F49" s="94">
        <v>9.7360791373903022E-2</v>
      </c>
      <c r="G49" s="98">
        <v>0.25</v>
      </c>
      <c r="H49" s="94">
        <v>8.6408402445870905E-2</v>
      </c>
      <c r="I49" s="83">
        <v>119</v>
      </c>
      <c r="J49" s="98">
        <v>0.02</v>
      </c>
      <c r="K49" s="94">
        <v>3.3418607040508266E-2</v>
      </c>
      <c r="L49" s="98">
        <v>0.28999999999999998</v>
      </c>
      <c r="M49" s="94">
        <v>8.2387475127019841E-2</v>
      </c>
      <c r="N49" s="98">
        <v>0.51</v>
      </c>
      <c r="O49" s="94">
        <v>9.0150082325785322E-2</v>
      </c>
      <c r="P49" s="98">
        <v>0.17</v>
      </c>
      <c r="Q49" s="94">
        <v>6.9391725869156262E-2</v>
      </c>
    </row>
    <row r="50" spans="1:17">
      <c r="A50" s="49" t="s">
        <v>447</v>
      </c>
      <c r="B50" s="125">
        <v>79</v>
      </c>
      <c r="C50" s="126">
        <v>0.48</v>
      </c>
      <c r="D50" s="97">
        <v>0.10968467953767115</v>
      </c>
      <c r="E50" s="126">
        <v>0.44</v>
      </c>
      <c r="F50" s="97">
        <v>0.10904594517385713</v>
      </c>
      <c r="G50" s="126">
        <v>7.0000000000000007E-2</v>
      </c>
      <c r="H50" s="97">
        <v>6.305180448470056E-2</v>
      </c>
      <c r="I50" s="127">
        <v>94</v>
      </c>
      <c r="J50" s="126">
        <v>0.1</v>
      </c>
      <c r="K50" s="97">
        <v>6.47742292191677E-2</v>
      </c>
      <c r="L50" s="126">
        <v>0.42</v>
      </c>
      <c r="M50" s="97">
        <v>9.981856740198404E-2</v>
      </c>
      <c r="N50" s="126">
        <v>0.4</v>
      </c>
      <c r="O50" s="97">
        <v>9.9139083255776708E-2</v>
      </c>
      <c r="P50" s="126">
        <v>0.09</v>
      </c>
      <c r="Q50" s="97">
        <v>6.2382100716575087E-2</v>
      </c>
    </row>
    <row r="51" spans="1:17" ht="25.5">
      <c r="A51" s="57" t="s">
        <v>448</v>
      </c>
      <c r="B51" s="122">
        <v>115</v>
      </c>
      <c r="C51" s="123">
        <v>0.51</v>
      </c>
      <c r="D51" s="94">
        <v>9.1652725954446262E-2</v>
      </c>
      <c r="E51" s="123">
        <v>0.4</v>
      </c>
      <c r="F51" s="94">
        <v>8.9941338542624705E-2</v>
      </c>
      <c r="G51" s="123">
        <v>0.09</v>
      </c>
      <c r="H51" s="94">
        <v>5.591437338593027E-2</v>
      </c>
      <c r="I51" s="124">
        <v>132</v>
      </c>
      <c r="J51" s="123">
        <v>0.04</v>
      </c>
      <c r="K51" s="94">
        <v>3.8602047279154408E-2</v>
      </c>
      <c r="L51" s="123">
        <v>0.48</v>
      </c>
      <c r="M51" s="94">
        <v>8.5684644686370229E-2</v>
      </c>
      <c r="N51" s="123">
        <v>0.45</v>
      </c>
      <c r="O51" s="94">
        <v>8.5344439874334349E-2</v>
      </c>
      <c r="P51" s="123">
        <v>0.03</v>
      </c>
      <c r="Q51" s="94">
        <v>3.510615317344077E-2</v>
      </c>
    </row>
    <row r="52" spans="1:17">
      <c r="A52" s="49" t="s">
        <v>457</v>
      </c>
      <c r="B52" s="125">
        <v>608</v>
      </c>
      <c r="C52" s="126">
        <v>0.4</v>
      </c>
      <c r="D52" s="97">
        <v>3.9616650933215002E-2</v>
      </c>
      <c r="E52" s="126">
        <v>0.4</v>
      </c>
      <c r="F52" s="97">
        <v>3.9616650933215002E-2</v>
      </c>
      <c r="G52" s="126">
        <v>0.21</v>
      </c>
      <c r="H52" s="97">
        <v>3.303748650905608E-2</v>
      </c>
      <c r="I52" s="127">
        <v>728</v>
      </c>
      <c r="J52" s="126">
        <v>0.06</v>
      </c>
      <c r="K52" s="97">
        <v>1.7880915428671783E-2</v>
      </c>
      <c r="L52" s="126">
        <v>0.33</v>
      </c>
      <c r="M52" s="97">
        <v>3.4783874791196642E-2</v>
      </c>
      <c r="N52" s="126">
        <v>0.47</v>
      </c>
      <c r="O52" s="97">
        <v>3.6895200066260465E-2</v>
      </c>
      <c r="P52" s="126">
        <v>0.14000000000000001</v>
      </c>
      <c r="Q52" s="97">
        <v>2.5800042732542248E-2</v>
      </c>
    </row>
    <row r="53" spans="1:17">
      <c r="A53" s="57" t="s">
        <v>449</v>
      </c>
      <c r="B53" s="122">
        <v>109</v>
      </c>
      <c r="C53" s="123">
        <v>0.4</v>
      </c>
      <c r="D53" s="94">
        <v>9.230488807751755E-2</v>
      </c>
      <c r="E53" s="123">
        <v>0.48</v>
      </c>
      <c r="F53" s="94">
        <v>9.4002036763886451E-2</v>
      </c>
      <c r="G53" s="123">
        <v>0.12</v>
      </c>
      <c r="H53" s="94">
        <v>6.3980658205576399E-2</v>
      </c>
      <c r="I53" s="124">
        <v>128</v>
      </c>
      <c r="J53" s="123">
        <v>0.06</v>
      </c>
      <c r="K53" s="94">
        <v>4.5379061903693639E-2</v>
      </c>
      <c r="L53" s="123">
        <v>0.27</v>
      </c>
      <c r="M53" s="94">
        <v>7.789999103944617E-2</v>
      </c>
      <c r="N53" s="123">
        <v>0.48</v>
      </c>
      <c r="O53" s="94">
        <v>8.6973328394187366E-2</v>
      </c>
      <c r="P53" s="123">
        <v>0.2</v>
      </c>
      <c r="Q53" s="94">
        <v>7.0790322234141043E-2</v>
      </c>
    </row>
    <row r="54" spans="1:17">
      <c r="A54" s="49" t="s">
        <v>450</v>
      </c>
      <c r="B54" s="125">
        <v>93</v>
      </c>
      <c r="C54" s="126">
        <v>0.27</v>
      </c>
      <c r="D54" s="97">
        <v>9.1126496463209403E-2</v>
      </c>
      <c r="E54" s="126">
        <v>0.43</v>
      </c>
      <c r="F54" s="97">
        <v>0.10061579291577158</v>
      </c>
      <c r="G54" s="126">
        <v>0.31</v>
      </c>
      <c r="H54" s="97">
        <v>9.4556137595096679E-2</v>
      </c>
      <c r="I54" s="127">
        <v>106</v>
      </c>
      <c r="J54" s="126">
        <v>0.05</v>
      </c>
      <c r="K54" s="97">
        <v>4.7466544824072539E-2</v>
      </c>
      <c r="L54" s="126">
        <v>0.3</v>
      </c>
      <c r="M54" s="97">
        <v>8.7978550763468874E-2</v>
      </c>
      <c r="N54" s="126">
        <v>0.54</v>
      </c>
      <c r="O54" s="97">
        <v>9.5062514920710661E-2</v>
      </c>
      <c r="P54" s="126">
        <v>0.11</v>
      </c>
      <c r="Q54" s="97">
        <v>6.2888268660270821E-2</v>
      </c>
    </row>
    <row r="55" spans="1:17" ht="25.5">
      <c r="A55" s="57" t="s">
        <v>451</v>
      </c>
      <c r="B55" s="122">
        <v>154</v>
      </c>
      <c r="C55" s="123">
        <v>0.48</v>
      </c>
      <c r="D55" s="94">
        <v>7.9495242560524287E-2</v>
      </c>
      <c r="E55" s="123">
        <v>0.39</v>
      </c>
      <c r="F55" s="94">
        <v>7.7705204533904115E-2</v>
      </c>
      <c r="G55" s="123">
        <v>0.12</v>
      </c>
      <c r="H55" s="94">
        <v>5.3443177711487169E-2</v>
      </c>
      <c r="I55" s="124">
        <v>185</v>
      </c>
      <c r="J55" s="123">
        <v>0.03</v>
      </c>
      <c r="K55" s="94">
        <v>2.8489790226133301E-2</v>
      </c>
      <c r="L55" s="123">
        <v>0.28999999999999998</v>
      </c>
      <c r="M55" s="94">
        <v>6.6308069461962327E-2</v>
      </c>
      <c r="N55" s="123">
        <v>0.51</v>
      </c>
      <c r="O55" s="94">
        <v>7.2725356816431816E-2</v>
      </c>
      <c r="P55" s="123">
        <v>0.16</v>
      </c>
      <c r="Q55" s="94">
        <v>5.4285419057763129E-2</v>
      </c>
    </row>
    <row r="56" spans="1:17">
      <c r="A56" s="49" t="s">
        <v>452</v>
      </c>
      <c r="B56" s="125">
        <v>70</v>
      </c>
      <c r="C56" s="126">
        <v>0.41</v>
      </c>
      <c r="D56" s="97">
        <v>0.11455012092329603</v>
      </c>
      <c r="E56" s="126">
        <v>0.38</v>
      </c>
      <c r="F56" s="97">
        <v>0.11321223366465957</v>
      </c>
      <c r="G56" s="126">
        <v>0.21</v>
      </c>
      <c r="H56" s="97">
        <v>9.7189190001714429E-2</v>
      </c>
      <c r="I56" s="127">
        <v>84</v>
      </c>
      <c r="J56" s="126">
        <v>0.03</v>
      </c>
      <c r="K56" s="97">
        <v>4.7061571479740771E-2</v>
      </c>
      <c r="L56" s="126">
        <v>0.32</v>
      </c>
      <c r="M56" s="97">
        <v>0.10010869374577865</v>
      </c>
      <c r="N56" s="126">
        <v>0.47</v>
      </c>
      <c r="O56" s="97">
        <v>0.10642538117421349</v>
      </c>
      <c r="P56" s="126">
        <v>0.17</v>
      </c>
      <c r="Q56" s="97">
        <v>8.2785319295809276E-2</v>
      </c>
    </row>
    <row r="57" spans="1:17">
      <c r="A57" s="57" t="s">
        <v>453</v>
      </c>
      <c r="B57" s="122">
        <v>75</v>
      </c>
      <c r="C57" s="123">
        <v>0.27</v>
      </c>
      <c r="D57" s="94">
        <v>0.10121323342043549</v>
      </c>
      <c r="E57" s="123">
        <v>0.41</v>
      </c>
      <c r="F57" s="94">
        <v>0.11085387513976049</v>
      </c>
      <c r="G57" s="123">
        <v>0.32</v>
      </c>
      <c r="H57" s="94">
        <v>0.10573383086648587</v>
      </c>
      <c r="I57" s="124">
        <v>97</v>
      </c>
      <c r="J57" s="123">
        <v>0.02</v>
      </c>
      <c r="K57" s="94">
        <v>3.8531524249422432E-2</v>
      </c>
      <c r="L57" s="123">
        <v>0.33</v>
      </c>
      <c r="M57" s="94">
        <v>9.4049445605361756E-2</v>
      </c>
      <c r="N57" s="123">
        <v>0.53</v>
      </c>
      <c r="O57" s="94">
        <v>9.9338380705964985E-2</v>
      </c>
      <c r="P57" s="123">
        <v>0.12</v>
      </c>
      <c r="Q57" s="94">
        <v>6.8016054063879977E-2</v>
      </c>
    </row>
    <row r="58" spans="1:17">
      <c r="A58" s="49" t="s">
        <v>454</v>
      </c>
      <c r="B58" s="125">
        <v>107</v>
      </c>
      <c r="C58" s="126">
        <v>0.49</v>
      </c>
      <c r="D58" s="97">
        <v>9.4898158280122616E-2</v>
      </c>
      <c r="E58" s="126">
        <v>0.33</v>
      </c>
      <c r="F58" s="97">
        <v>8.9673150935021373E-2</v>
      </c>
      <c r="G58" s="126">
        <v>0.19</v>
      </c>
      <c r="H58" s="97">
        <v>7.6098876188453693E-2</v>
      </c>
      <c r="I58" s="127">
        <v>128</v>
      </c>
      <c r="J58" s="126">
        <v>0.12</v>
      </c>
      <c r="K58" s="97">
        <v>5.8831788056905719E-2</v>
      </c>
      <c r="L58" s="126">
        <v>0.44</v>
      </c>
      <c r="M58" s="97">
        <v>8.6447545145063628E-2</v>
      </c>
      <c r="N58" s="126">
        <v>0.32</v>
      </c>
      <c r="O58" s="97">
        <v>8.1563116348075601E-2</v>
      </c>
      <c r="P58" s="126">
        <v>0.12</v>
      </c>
      <c r="Q58" s="97">
        <v>5.8831788056905719E-2</v>
      </c>
    </row>
    <row r="61" spans="1:17" ht="18.75">
      <c r="A61" s="321" t="s">
        <v>36</v>
      </c>
      <c r="B61" s="321"/>
      <c r="C61" s="321"/>
      <c r="D61" s="321"/>
      <c r="E61" s="321"/>
      <c r="F61" s="321"/>
      <c r="G61" s="321"/>
      <c r="H61" s="321"/>
    </row>
    <row r="62" spans="1:17" ht="69.75" customHeight="1">
      <c r="A62" s="352" t="s">
        <v>392</v>
      </c>
      <c r="B62" s="352"/>
      <c r="C62" s="352"/>
      <c r="D62" s="352"/>
      <c r="E62" s="352"/>
      <c r="F62" s="352"/>
      <c r="G62" s="352"/>
      <c r="H62" s="352"/>
    </row>
    <row r="63" spans="1:17" ht="40.5" customHeight="1">
      <c r="A63" s="109"/>
      <c r="B63" s="350" t="s">
        <v>409</v>
      </c>
      <c r="C63" s="351"/>
      <c r="D63" s="351"/>
      <c r="E63" s="351"/>
      <c r="F63" s="351"/>
      <c r="G63" s="351"/>
      <c r="H63" s="351"/>
    </row>
    <row r="64" spans="1:17" ht="39" customHeight="1">
      <c r="A64" s="37" t="s">
        <v>85</v>
      </c>
      <c r="B64" s="38" t="s">
        <v>86</v>
      </c>
      <c r="C64" s="65" t="s">
        <v>219</v>
      </c>
      <c r="D64" s="88" t="s">
        <v>132</v>
      </c>
      <c r="E64" s="65" t="s">
        <v>220</v>
      </c>
      <c r="F64" s="88" t="s">
        <v>333</v>
      </c>
      <c r="G64" s="65" t="s">
        <v>221</v>
      </c>
      <c r="H64" s="88" t="s">
        <v>334</v>
      </c>
    </row>
    <row r="65" spans="1:8" ht="60">
      <c r="A65" s="41"/>
      <c r="B65" s="42" t="s">
        <v>89</v>
      </c>
      <c r="C65" s="273" t="s">
        <v>201</v>
      </c>
      <c r="D65" s="90" t="s">
        <v>104</v>
      </c>
      <c r="E65" s="68" t="s">
        <v>216</v>
      </c>
      <c r="F65" s="90" t="s">
        <v>104</v>
      </c>
      <c r="G65" s="68" t="s">
        <v>217</v>
      </c>
      <c r="H65" s="90" t="s">
        <v>104</v>
      </c>
    </row>
    <row r="66" spans="1:8">
      <c r="A66" s="45" t="s">
        <v>436</v>
      </c>
      <c r="B66" s="129">
        <v>8997</v>
      </c>
      <c r="C66" s="123">
        <v>0.56000000000000005</v>
      </c>
      <c r="D66" s="94">
        <v>1.0464242263632699E-2</v>
      </c>
      <c r="E66" s="123">
        <v>0.22</v>
      </c>
      <c r="F66" s="94">
        <v>8.7343661825739962E-3</v>
      </c>
      <c r="G66" s="123">
        <v>0.22</v>
      </c>
      <c r="H66" s="94">
        <v>8.7343661825739962E-3</v>
      </c>
    </row>
    <row r="67" spans="1:8">
      <c r="A67" s="49" t="s">
        <v>437</v>
      </c>
      <c r="B67" s="49">
        <v>8387</v>
      </c>
      <c r="C67" s="126">
        <v>0.56000000000000005</v>
      </c>
      <c r="D67" s="97">
        <v>1.0837934223118812E-2</v>
      </c>
      <c r="E67" s="126">
        <v>0.22</v>
      </c>
      <c r="F67" s="97">
        <v>9.0464111124660667E-3</v>
      </c>
      <c r="G67" s="126">
        <v>0.22</v>
      </c>
      <c r="H67" s="97">
        <v>9.0464111124660667E-3</v>
      </c>
    </row>
    <row r="68" spans="1:8">
      <c r="A68" s="45" t="s">
        <v>438</v>
      </c>
      <c r="B68" s="53">
        <v>802</v>
      </c>
      <c r="C68" s="123">
        <v>0.47499999999999998</v>
      </c>
      <c r="D68" s="94">
        <v>3.5179877233827088E-2</v>
      </c>
      <c r="E68" s="123">
        <v>0.246</v>
      </c>
      <c r="F68" s="94">
        <v>3.0392206159740576E-2</v>
      </c>
      <c r="G68" s="123">
        <v>0.28000000000000003</v>
      </c>
      <c r="H68" s="94">
        <v>3.1668193291585024E-2</v>
      </c>
    </row>
    <row r="69" spans="1:8">
      <c r="A69" s="49" t="s">
        <v>439</v>
      </c>
      <c r="B69" s="49">
        <v>3397</v>
      </c>
      <c r="C69" s="126">
        <v>0.61</v>
      </c>
      <c r="D69" s="97">
        <v>1.6728225077285611E-2</v>
      </c>
      <c r="E69" s="126">
        <v>0.2</v>
      </c>
      <c r="F69" s="97">
        <v>1.3726936625351255E-2</v>
      </c>
      <c r="G69" s="126">
        <v>0.19</v>
      </c>
      <c r="H69" s="97">
        <v>1.3463702856006007E-2</v>
      </c>
    </row>
    <row r="70" spans="1:8">
      <c r="A70" s="45" t="s">
        <v>440</v>
      </c>
      <c r="B70" s="53">
        <v>3152</v>
      </c>
      <c r="C70" s="123">
        <v>0.61699999999999999</v>
      </c>
      <c r="D70" s="94">
        <v>1.7307539461696754E-2</v>
      </c>
      <c r="E70" s="123">
        <v>0.19400000000000001</v>
      </c>
      <c r="F70" s="94">
        <v>1.4088314747272146E-2</v>
      </c>
      <c r="G70" s="123">
        <v>0.189</v>
      </c>
      <c r="H70" s="94">
        <v>1.3949211618411646E-2</v>
      </c>
    </row>
    <row r="71" spans="1:8">
      <c r="A71" s="49" t="s">
        <v>455</v>
      </c>
      <c r="B71" s="49">
        <v>530</v>
      </c>
      <c r="C71" s="126">
        <v>0.62</v>
      </c>
      <c r="D71" s="97">
        <v>4.2028608266229395E-2</v>
      </c>
      <c r="E71" s="126">
        <v>0.18</v>
      </c>
      <c r="F71" s="97">
        <v>3.3422540194217323E-2</v>
      </c>
      <c r="G71" s="126">
        <v>0.2</v>
      </c>
      <c r="H71" s="97">
        <v>3.4764403933027974E-2</v>
      </c>
    </row>
    <row r="72" spans="1:8">
      <c r="A72" s="45" t="s">
        <v>441</v>
      </c>
      <c r="B72" s="53">
        <v>106</v>
      </c>
      <c r="C72" s="123">
        <v>0.62</v>
      </c>
      <c r="D72" s="94">
        <v>9.276132254436821E-2</v>
      </c>
      <c r="E72" s="123">
        <v>0.19</v>
      </c>
      <c r="F72" s="94">
        <v>7.6458429948193088E-2</v>
      </c>
      <c r="G72" s="123">
        <v>0.18</v>
      </c>
      <c r="H72" s="94">
        <v>7.5054372477217551E-2</v>
      </c>
    </row>
    <row r="73" spans="1:8">
      <c r="A73" s="49" t="s">
        <v>442</v>
      </c>
      <c r="B73" s="49">
        <v>166</v>
      </c>
      <c r="C73" s="126">
        <v>0.55000000000000004</v>
      </c>
      <c r="D73" s="97">
        <v>7.6329974526360145E-2</v>
      </c>
      <c r="E73" s="126">
        <v>0.14000000000000001</v>
      </c>
      <c r="F73" s="97">
        <v>5.4541311415532673E-2</v>
      </c>
      <c r="G73" s="126">
        <v>0.31</v>
      </c>
      <c r="H73" s="97">
        <v>7.1221086991431079E-2</v>
      </c>
    </row>
    <row r="74" spans="1:8">
      <c r="A74" s="45" t="s">
        <v>443</v>
      </c>
      <c r="B74" s="53">
        <v>127</v>
      </c>
      <c r="C74" s="123">
        <v>0.66</v>
      </c>
      <c r="D74" s="94">
        <v>8.3059711935077232E-2</v>
      </c>
      <c r="E74" s="123">
        <v>0.22</v>
      </c>
      <c r="F74" s="94">
        <v>7.3373392079314759E-2</v>
      </c>
      <c r="G74" s="123">
        <v>0.12</v>
      </c>
      <c r="H74" s="94">
        <v>5.9072652838123012E-2</v>
      </c>
    </row>
    <row r="75" spans="1:8">
      <c r="A75" s="49" t="s">
        <v>444</v>
      </c>
      <c r="B75" s="49">
        <v>131</v>
      </c>
      <c r="C75" s="126">
        <v>0.67</v>
      </c>
      <c r="D75" s="97">
        <v>8.124717127392328E-2</v>
      </c>
      <c r="E75" s="126">
        <v>0.19</v>
      </c>
      <c r="F75" s="97">
        <v>6.8747621575112869E-2</v>
      </c>
      <c r="G75" s="126">
        <v>0.14000000000000001</v>
      </c>
      <c r="H75" s="97">
        <v>6.1575902506965541E-2</v>
      </c>
    </row>
    <row r="76" spans="1:8">
      <c r="A76" s="45" t="s">
        <v>456</v>
      </c>
      <c r="B76" s="129">
        <v>491</v>
      </c>
      <c r="C76" s="123">
        <v>0.63</v>
      </c>
      <c r="D76" s="94">
        <v>4.3426196790590732E-2</v>
      </c>
      <c r="E76" s="123">
        <v>0.19</v>
      </c>
      <c r="F76" s="94">
        <v>3.5442011940416615E-2</v>
      </c>
      <c r="G76" s="123">
        <v>0.18</v>
      </c>
      <c r="H76" s="94">
        <v>3.4728181183670499E-2</v>
      </c>
    </row>
    <row r="77" spans="1:8" ht="25.5">
      <c r="A77" s="49" t="s">
        <v>445</v>
      </c>
      <c r="B77" s="131">
        <v>167</v>
      </c>
      <c r="C77" s="126">
        <v>0.71</v>
      </c>
      <c r="D77" s="97">
        <v>6.9742890793338619E-2</v>
      </c>
      <c r="E77" s="126">
        <v>0.18</v>
      </c>
      <c r="F77" s="97">
        <v>5.9694076299480085E-2</v>
      </c>
      <c r="G77" s="126">
        <v>0.11</v>
      </c>
      <c r="H77" s="97">
        <v>4.9543545467050781E-2</v>
      </c>
    </row>
    <row r="78" spans="1:8">
      <c r="A78" s="45" t="s">
        <v>446</v>
      </c>
      <c r="B78" s="83">
        <v>110</v>
      </c>
      <c r="C78" s="98">
        <v>0.64</v>
      </c>
      <c r="D78" s="94">
        <v>9.0175522429490382E-2</v>
      </c>
      <c r="E78" s="98">
        <v>0.22</v>
      </c>
      <c r="F78" s="94">
        <v>7.8808057380206242E-2</v>
      </c>
      <c r="G78" s="98">
        <v>0.14000000000000001</v>
      </c>
      <c r="H78" s="94">
        <v>6.7365246924300584E-2</v>
      </c>
    </row>
    <row r="79" spans="1:8">
      <c r="A79" s="49" t="s">
        <v>447</v>
      </c>
      <c r="B79" s="131">
        <v>89</v>
      </c>
      <c r="C79" s="126">
        <v>0.54</v>
      </c>
      <c r="D79" s="97">
        <v>0.10339082851295651</v>
      </c>
      <c r="E79" s="126">
        <v>0.14000000000000001</v>
      </c>
      <c r="F79" s="97">
        <v>7.5151069884607943E-2</v>
      </c>
      <c r="G79" s="126">
        <v>0.32</v>
      </c>
      <c r="H79" s="97">
        <v>9.7346992533064752E-2</v>
      </c>
    </row>
    <row r="80" spans="1:8" ht="25.5">
      <c r="A80" s="57" t="s">
        <v>448</v>
      </c>
      <c r="B80" s="129">
        <v>125</v>
      </c>
      <c r="C80" s="123">
        <v>0.54</v>
      </c>
      <c r="D80" s="94">
        <v>8.7780149340298222E-2</v>
      </c>
      <c r="E80" s="123">
        <v>0.26</v>
      </c>
      <c r="F80" s="94">
        <v>7.7941880898640015E-2</v>
      </c>
      <c r="G80" s="123">
        <v>0.21</v>
      </c>
      <c r="H80" s="94">
        <v>7.2824445029275861E-2</v>
      </c>
    </row>
    <row r="81" spans="1:8">
      <c r="A81" s="49" t="s">
        <v>457</v>
      </c>
      <c r="B81" s="131">
        <v>709</v>
      </c>
      <c r="C81" s="126">
        <v>0.6</v>
      </c>
      <c r="D81" s="97">
        <v>3.670219694740199E-2</v>
      </c>
      <c r="E81" s="126">
        <v>0.22</v>
      </c>
      <c r="F81" s="97">
        <v>3.110649453436682E-2</v>
      </c>
      <c r="G81" s="126">
        <v>0.18</v>
      </c>
      <c r="H81" s="97">
        <v>2.8887334976142386E-2</v>
      </c>
    </row>
    <row r="82" spans="1:8">
      <c r="A82" s="57" t="s">
        <v>449</v>
      </c>
      <c r="B82" s="129">
        <v>125</v>
      </c>
      <c r="C82" s="123">
        <v>0.67</v>
      </c>
      <c r="D82" s="94">
        <v>8.3129573142557173E-2</v>
      </c>
      <c r="E82" s="123">
        <v>0.15</v>
      </c>
      <c r="F82" s="94">
        <v>6.4694659770621415E-2</v>
      </c>
      <c r="G82" s="123">
        <v>0.18</v>
      </c>
      <c r="H82" s="94">
        <v>6.9069548585957652E-2</v>
      </c>
    </row>
    <row r="83" spans="1:8">
      <c r="A83" s="49" t="s">
        <v>450</v>
      </c>
      <c r="B83" s="131">
        <v>106</v>
      </c>
      <c r="C83" s="126">
        <v>0.49</v>
      </c>
      <c r="D83" s="97">
        <v>9.5328549667284448E-2</v>
      </c>
      <c r="E83" s="126">
        <v>0.28000000000000003</v>
      </c>
      <c r="F83" s="97">
        <v>8.6351501539821643E-2</v>
      </c>
      <c r="G83" s="126">
        <v>0.23</v>
      </c>
      <c r="H83" s="97">
        <v>8.1420440026412688E-2</v>
      </c>
    </row>
    <row r="84" spans="1:8" ht="25.5">
      <c r="A84" s="57" t="s">
        <v>451</v>
      </c>
      <c r="B84" s="129">
        <v>181</v>
      </c>
      <c r="C84" s="123">
        <v>0.66</v>
      </c>
      <c r="D84" s="94">
        <v>6.9825273696993193E-2</v>
      </c>
      <c r="E84" s="123">
        <v>0.21</v>
      </c>
      <c r="F84" s="94">
        <v>6.0537670285711387E-2</v>
      </c>
      <c r="G84" s="123">
        <v>0.13</v>
      </c>
      <c r="H84" s="94">
        <v>5.071510250035606E-2</v>
      </c>
    </row>
    <row r="85" spans="1:8">
      <c r="A85" s="49" t="s">
        <v>452</v>
      </c>
      <c r="B85" s="131">
        <v>82</v>
      </c>
      <c r="C85" s="126">
        <v>0.71</v>
      </c>
      <c r="D85" s="97">
        <v>9.8808464626782971E-2</v>
      </c>
      <c r="E85" s="126">
        <v>0.14000000000000001</v>
      </c>
      <c r="F85" s="97">
        <v>7.8407239279892599E-2</v>
      </c>
      <c r="G85" s="126">
        <v>0.15</v>
      </c>
      <c r="H85" s="97">
        <v>8.0298959049326393E-2</v>
      </c>
    </row>
    <row r="86" spans="1:8">
      <c r="A86" s="57" t="s">
        <v>453</v>
      </c>
      <c r="B86" s="129">
        <v>90</v>
      </c>
      <c r="C86" s="123">
        <v>0.64</v>
      </c>
      <c r="D86" s="94">
        <v>9.936663122720242E-2</v>
      </c>
      <c r="E86" s="123">
        <v>0.26</v>
      </c>
      <c r="F86" s="94">
        <v>9.1604568099202338E-2</v>
      </c>
      <c r="G86" s="123">
        <v>0.1</v>
      </c>
      <c r="H86" s="94">
        <v>6.6309171863147734E-2</v>
      </c>
    </row>
    <row r="87" spans="1:8">
      <c r="A87" s="49" t="s">
        <v>454</v>
      </c>
      <c r="B87" s="131">
        <v>125</v>
      </c>
      <c r="C87" s="126">
        <v>0.5</v>
      </c>
      <c r="D87" s="97">
        <v>8.8045090632562384E-2</v>
      </c>
      <c r="E87" s="126">
        <v>0.22</v>
      </c>
      <c r="F87" s="97">
        <v>7.395507444546276E-2</v>
      </c>
      <c r="G87" s="126">
        <v>0.28000000000000003</v>
      </c>
      <c r="H87" s="97">
        <v>7.9641642086231548E-2</v>
      </c>
    </row>
    <row r="90" spans="1:8" ht="18.75">
      <c r="A90" s="321" t="s">
        <v>10</v>
      </c>
      <c r="B90" s="321"/>
      <c r="C90" s="321"/>
      <c r="D90" s="321"/>
    </row>
    <row r="91" spans="1:8" ht="100.5" customHeight="1">
      <c r="A91" s="349" t="s">
        <v>486</v>
      </c>
      <c r="B91" s="349"/>
      <c r="C91" s="349"/>
      <c r="D91" s="349"/>
    </row>
    <row r="92" spans="1:8" ht="37.5" customHeight="1">
      <c r="A92" s="348" t="s">
        <v>133</v>
      </c>
      <c r="B92" s="348"/>
      <c r="C92" s="348"/>
      <c r="D92" s="348"/>
    </row>
    <row r="93" spans="1:8" ht="36" customHeight="1">
      <c r="A93" s="37" t="s">
        <v>85</v>
      </c>
      <c r="B93" s="38" t="s">
        <v>86</v>
      </c>
      <c r="C93" s="39" t="s">
        <v>87</v>
      </c>
      <c r="D93" s="40" t="s">
        <v>88</v>
      </c>
    </row>
    <row r="94" spans="1:8" ht="60">
      <c r="A94" s="41"/>
      <c r="B94" s="42" t="s">
        <v>89</v>
      </c>
      <c r="C94" s="43" t="s">
        <v>134</v>
      </c>
      <c r="D94" s="44" t="s">
        <v>91</v>
      </c>
    </row>
    <row r="95" spans="1:8">
      <c r="A95" s="45" t="s">
        <v>436</v>
      </c>
      <c r="B95" s="129">
        <v>11074</v>
      </c>
      <c r="C95" s="84">
        <v>3.58</v>
      </c>
      <c r="D95" s="85">
        <v>1.9599999999999999E-2</v>
      </c>
    </row>
    <row r="96" spans="1:8">
      <c r="A96" s="49" t="s">
        <v>437</v>
      </c>
      <c r="B96" s="49">
        <v>8741</v>
      </c>
      <c r="C96" s="120">
        <v>3.534729</v>
      </c>
      <c r="D96" s="121">
        <v>2.8834931999999997E-2</v>
      </c>
    </row>
    <row r="97" spans="1:4">
      <c r="A97" s="45" t="s">
        <v>438</v>
      </c>
      <c r="B97" s="53">
        <v>836</v>
      </c>
      <c r="C97" s="84">
        <v>3.51</v>
      </c>
      <c r="D97" s="85">
        <v>9.8000000000000004E-2</v>
      </c>
    </row>
    <row r="98" spans="1:4">
      <c r="A98" s="49" t="s">
        <v>439</v>
      </c>
      <c r="B98" s="49">
        <v>3951</v>
      </c>
      <c r="C98" s="120">
        <v>3.65</v>
      </c>
      <c r="D98" s="121">
        <v>3.9199999999999999E-2</v>
      </c>
    </row>
    <row r="99" spans="1:4">
      <c r="A99" s="45" t="s">
        <v>440</v>
      </c>
      <c r="B99" s="53">
        <v>3282</v>
      </c>
      <c r="C99" s="84">
        <v>3.7</v>
      </c>
      <c r="D99" s="85">
        <v>3.9199999999999999E-2</v>
      </c>
    </row>
    <row r="100" spans="1:4">
      <c r="A100" s="49" t="s">
        <v>455</v>
      </c>
      <c r="B100" s="49">
        <v>581</v>
      </c>
      <c r="C100" s="120">
        <v>3.79</v>
      </c>
      <c r="D100" s="121">
        <v>0.1176</v>
      </c>
    </row>
    <row r="101" spans="1:4">
      <c r="A101" s="45" t="s">
        <v>441</v>
      </c>
      <c r="B101" s="53">
        <v>117</v>
      </c>
      <c r="C101" s="84">
        <v>3.39</v>
      </c>
      <c r="D101" s="85">
        <v>0.25480000000000003</v>
      </c>
    </row>
    <row r="102" spans="1:4">
      <c r="A102" s="49" t="s">
        <v>442</v>
      </c>
      <c r="B102" s="49">
        <v>176</v>
      </c>
      <c r="C102" s="120">
        <v>3.82</v>
      </c>
      <c r="D102" s="121">
        <v>0.19600000000000001</v>
      </c>
    </row>
    <row r="103" spans="1:4">
      <c r="A103" s="45" t="s">
        <v>443</v>
      </c>
      <c r="B103" s="53">
        <v>136</v>
      </c>
      <c r="C103" s="84">
        <v>3.74</v>
      </c>
      <c r="D103" s="85">
        <v>0.21559999999999999</v>
      </c>
    </row>
    <row r="104" spans="1:4">
      <c r="A104" s="49" t="s">
        <v>444</v>
      </c>
      <c r="B104" s="49">
        <v>152</v>
      </c>
      <c r="C104" s="120">
        <v>4</v>
      </c>
      <c r="D104" s="121">
        <v>0.21559999999999999</v>
      </c>
    </row>
    <row r="105" spans="1:4">
      <c r="A105" s="45" t="s">
        <v>456</v>
      </c>
      <c r="B105" s="129">
        <v>532</v>
      </c>
      <c r="C105" s="117">
        <v>3.62</v>
      </c>
      <c r="D105" s="118">
        <v>0.1176</v>
      </c>
    </row>
    <row r="106" spans="1:4" ht="25.5">
      <c r="A106" s="49" t="s">
        <v>445</v>
      </c>
      <c r="B106" s="131">
        <v>175</v>
      </c>
      <c r="C106" s="120">
        <v>3.63</v>
      </c>
      <c r="D106" s="121">
        <v>0.19600000000000001</v>
      </c>
    </row>
    <row r="107" spans="1:4">
      <c r="A107" s="45" t="s">
        <v>446</v>
      </c>
      <c r="B107" s="83">
        <v>123</v>
      </c>
      <c r="C107" s="84">
        <v>4.08</v>
      </c>
      <c r="D107" s="85">
        <v>0.25480000000000003</v>
      </c>
    </row>
    <row r="108" spans="1:4">
      <c r="A108" s="49" t="s">
        <v>447</v>
      </c>
      <c r="B108" s="131">
        <v>98</v>
      </c>
      <c r="C108" s="120">
        <v>3.44</v>
      </c>
      <c r="D108" s="121">
        <v>0.29399999999999998</v>
      </c>
    </row>
    <row r="109" spans="1:4" ht="25.5">
      <c r="A109" s="57" t="s">
        <v>448</v>
      </c>
      <c r="B109" s="129">
        <v>136</v>
      </c>
      <c r="C109" s="117">
        <v>3.14</v>
      </c>
      <c r="D109" s="118">
        <v>0.23519999999999999</v>
      </c>
    </row>
    <row r="110" spans="1:4">
      <c r="A110" s="49" t="s">
        <v>457</v>
      </c>
      <c r="B110" s="131">
        <v>752</v>
      </c>
      <c r="C110" s="120">
        <v>3.7</v>
      </c>
      <c r="D110" s="121">
        <v>9.8000000000000004E-2</v>
      </c>
    </row>
    <row r="111" spans="1:4">
      <c r="A111" s="57" t="s">
        <v>449</v>
      </c>
      <c r="B111" s="129">
        <v>134</v>
      </c>
      <c r="C111" s="117">
        <v>3.53</v>
      </c>
      <c r="D111" s="118">
        <v>0.25480000000000003</v>
      </c>
    </row>
    <row r="112" spans="1:4">
      <c r="A112" s="49" t="s">
        <v>450</v>
      </c>
      <c r="B112" s="131">
        <v>108</v>
      </c>
      <c r="C112" s="120">
        <v>4.1100000000000003</v>
      </c>
      <c r="D112" s="121">
        <v>0.25480000000000003</v>
      </c>
    </row>
    <row r="113" spans="1:30" ht="25.5">
      <c r="A113" s="57" t="s">
        <v>451</v>
      </c>
      <c r="B113" s="129">
        <v>190</v>
      </c>
      <c r="C113" s="117">
        <v>3.58</v>
      </c>
      <c r="D113" s="118">
        <v>0.19600000000000001</v>
      </c>
    </row>
    <row r="114" spans="1:30">
      <c r="A114" s="49" t="s">
        <v>452</v>
      </c>
      <c r="B114" s="131">
        <v>85</v>
      </c>
      <c r="C114" s="120">
        <v>3.47</v>
      </c>
      <c r="D114" s="121">
        <v>0.31359999999999999</v>
      </c>
    </row>
    <row r="115" spans="1:30">
      <c r="A115" s="57" t="s">
        <v>453</v>
      </c>
      <c r="B115" s="129">
        <v>100</v>
      </c>
      <c r="C115" s="117">
        <v>3.71</v>
      </c>
      <c r="D115" s="118">
        <v>0.27440000000000003</v>
      </c>
    </row>
    <row r="116" spans="1:30">
      <c r="A116" s="49" t="s">
        <v>454</v>
      </c>
      <c r="B116" s="131">
        <v>135</v>
      </c>
      <c r="C116" s="120">
        <v>3.72</v>
      </c>
      <c r="D116" s="121">
        <v>0.23519999999999999</v>
      </c>
      <c r="P116" s="249"/>
      <c r="Q116" s="249"/>
      <c r="R116" s="249"/>
      <c r="S116" s="249"/>
      <c r="T116" s="249"/>
      <c r="U116" s="249"/>
      <c r="V116" s="249"/>
      <c r="W116" s="249"/>
      <c r="X116" s="249"/>
      <c r="Y116" s="249"/>
      <c r="Z116" s="249"/>
      <c r="AA116" s="249"/>
      <c r="AB116" s="249"/>
      <c r="AC116" s="249"/>
      <c r="AD116" s="249"/>
    </row>
    <row r="117" spans="1:30">
      <c r="P117" s="249"/>
      <c r="Q117" s="249"/>
      <c r="R117" s="249"/>
      <c r="S117" s="249"/>
      <c r="T117" s="249"/>
      <c r="U117" s="249"/>
      <c r="V117" s="249"/>
      <c r="W117" s="249"/>
      <c r="X117" s="249"/>
      <c r="Y117" s="249"/>
      <c r="Z117" s="249"/>
      <c r="AA117" s="249"/>
      <c r="AB117" s="249"/>
      <c r="AC117" s="249"/>
      <c r="AD117" s="249"/>
    </row>
    <row r="118" spans="1:30">
      <c r="P118" s="249"/>
      <c r="Q118" s="249"/>
      <c r="R118" s="249"/>
      <c r="S118" s="249"/>
      <c r="T118" s="249"/>
      <c r="U118" s="249"/>
      <c r="V118" s="249"/>
      <c r="W118" s="249"/>
      <c r="X118" s="249"/>
      <c r="Y118" s="249"/>
      <c r="Z118" s="249"/>
      <c r="AA118" s="249"/>
      <c r="AB118" s="249"/>
      <c r="AC118" s="249"/>
      <c r="AD118" s="249"/>
    </row>
    <row r="119" spans="1:30" ht="18.75">
      <c r="A119" s="322" t="s">
        <v>37</v>
      </c>
      <c r="B119" s="322"/>
      <c r="C119" s="322"/>
      <c r="D119" s="322"/>
      <c r="E119" s="322"/>
      <c r="F119" s="322"/>
      <c r="G119" s="322"/>
      <c r="H119" s="322"/>
      <c r="I119" s="322"/>
      <c r="J119" s="322"/>
      <c r="K119" s="322"/>
      <c r="L119" s="322"/>
      <c r="M119" s="322"/>
      <c r="N119" s="322"/>
      <c r="O119" s="322"/>
      <c r="P119" s="322"/>
      <c r="Q119" s="322"/>
      <c r="R119" s="322"/>
      <c r="S119" s="322"/>
      <c r="T119" s="227"/>
      <c r="U119" s="227"/>
      <c r="V119" s="227"/>
      <c r="W119" s="227"/>
      <c r="X119" s="227"/>
      <c r="Y119" s="227"/>
      <c r="Z119" s="227"/>
      <c r="AA119" s="227"/>
      <c r="AB119" s="249"/>
    </row>
    <row r="120" spans="1:30" ht="72" customHeight="1">
      <c r="A120" s="358" t="s">
        <v>384</v>
      </c>
      <c r="B120" s="358"/>
      <c r="C120" s="358"/>
      <c r="D120" s="358"/>
      <c r="E120" s="358"/>
      <c r="F120" s="358"/>
      <c r="G120" s="358"/>
      <c r="H120" s="358"/>
      <c r="I120" s="358"/>
      <c r="J120" s="358"/>
      <c r="K120" s="358"/>
      <c r="L120" s="358"/>
      <c r="M120" s="358"/>
      <c r="N120" s="358"/>
      <c r="O120" s="358"/>
      <c r="P120" s="358"/>
      <c r="Q120" s="358"/>
      <c r="R120" s="358"/>
      <c r="S120" s="358"/>
      <c r="T120" s="230"/>
      <c r="U120" s="230"/>
      <c r="V120" s="230"/>
      <c r="W120" s="230"/>
      <c r="X120" s="230"/>
      <c r="Y120" s="230"/>
      <c r="Z120" s="230"/>
      <c r="AA120" s="230"/>
      <c r="AB120" s="249"/>
    </row>
    <row r="121" spans="1:30" ht="41.25" customHeight="1">
      <c r="A121" s="64"/>
      <c r="B121" s="353" t="s">
        <v>245</v>
      </c>
      <c r="C121" s="354"/>
      <c r="D121" s="354"/>
      <c r="E121" s="354"/>
      <c r="F121" s="354"/>
      <c r="G121" s="354"/>
      <c r="H121" s="354"/>
      <c r="I121" s="354"/>
      <c r="J121" s="355"/>
      <c r="K121" s="356" t="s">
        <v>218</v>
      </c>
      <c r="L121" s="359"/>
      <c r="M121" s="359"/>
      <c r="N121" s="359"/>
      <c r="O121" s="359"/>
      <c r="P121" s="359"/>
      <c r="Q121" s="359"/>
      <c r="R121" s="359"/>
      <c r="S121" s="359"/>
      <c r="T121" s="249"/>
      <c r="U121" s="249"/>
      <c r="V121" s="249"/>
      <c r="W121" s="249"/>
      <c r="X121" s="249"/>
      <c r="Y121" s="249"/>
      <c r="Z121" s="249"/>
      <c r="AA121" s="249"/>
      <c r="AB121" s="249"/>
    </row>
    <row r="122" spans="1:30" ht="40.5" customHeight="1">
      <c r="A122" s="37" t="s">
        <v>85</v>
      </c>
      <c r="B122" s="38" t="s">
        <v>86</v>
      </c>
      <c r="C122" s="38" t="s">
        <v>178</v>
      </c>
      <c r="D122" s="89" t="s">
        <v>101</v>
      </c>
      <c r="E122" s="38" t="s">
        <v>179</v>
      </c>
      <c r="F122" s="89" t="s">
        <v>102</v>
      </c>
      <c r="G122" s="38" t="s">
        <v>180</v>
      </c>
      <c r="H122" s="89" t="s">
        <v>103</v>
      </c>
      <c r="I122" s="38" t="s">
        <v>357</v>
      </c>
      <c r="J122" s="89" t="s">
        <v>356</v>
      </c>
      <c r="K122" s="65" t="s">
        <v>86</v>
      </c>
      <c r="L122" s="65" t="s">
        <v>178</v>
      </c>
      <c r="M122" s="88" t="s">
        <v>101</v>
      </c>
      <c r="N122" s="65" t="s">
        <v>179</v>
      </c>
      <c r="O122" s="88" t="s">
        <v>102</v>
      </c>
      <c r="P122" s="65" t="s">
        <v>180</v>
      </c>
      <c r="Q122" s="88" t="s">
        <v>103</v>
      </c>
      <c r="R122" s="65" t="s">
        <v>357</v>
      </c>
      <c r="S122" s="88" t="s">
        <v>356</v>
      </c>
    </row>
    <row r="123" spans="1:30" ht="66" customHeight="1">
      <c r="A123" s="41"/>
      <c r="B123" s="42" t="s">
        <v>89</v>
      </c>
      <c r="C123" s="42" t="s">
        <v>181</v>
      </c>
      <c r="D123" s="91" t="s">
        <v>104</v>
      </c>
      <c r="E123" s="42" t="s">
        <v>182</v>
      </c>
      <c r="F123" s="91" t="s">
        <v>104</v>
      </c>
      <c r="G123" s="42" t="s">
        <v>183</v>
      </c>
      <c r="H123" s="91" t="s">
        <v>104</v>
      </c>
      <c r="I123" s="42" t="s">
        <v>357</v>
      </c>
      <c r="J123" s="91" t="s">
        <v>104</v>
      </c>
      <c r="K123" s="68" t="s">
        <v>89</v>
      </c>
      <c r="L123" s="68" t="s">
        <v>181</v>
      </c>
      <c r="M123" s="90" t="s">
        <v>104</v>
      </c>
      <c r="N123" s="68" t="s">
        <v>182</v>
      </c>
      <c r="O123" s="90" t="s">
        <v>104</v>
      </c>
      <c r="P123" s="68" t="s">
        <v>183</v>
      </c>
      <c r="Q123" s="90" t="s">
        <v>104</v>
      </c>
      <c r="R123" s="68" t="s">
        <v>357</v>
      </c>
      <c r="S123" s="90" t="s">
        <v>104</v>
      </c>
    </row>
    <row r="124" spans="1:30">
      <c r="A124" s="45" t="s">
        <v>436</v>
      </c>
      <c r="B124" s="133">
        <v>9369</v>
      </c>
      <c r="C124" s="134">
        <v>0.37</v>
      </c>
      <c r="D124" s="94">
        <v>9.9741353621355475E-3</v>
      </c>
      <c r="E124" s="134">
        <v>0.221</v>
      </c>
      <c r="F124" s="94">
        <v>8.5731282152094537E-3</v>
      </c>
      <c r="G124" s="134">
        <v>0.40600000000000003</v>
      </c>
      <c r="H124" s="94">
        <v>1.0145038873403799E-2</v>
      </c>
      <c r="I124" s="134">
        <v>3.0000000000000001E-3</v>
      </c>
      <c r="J124" s="94">
        <v>1.1689246013616803E-3</v>
      </c>
      <c r="K124" s="133">
        <v>9309</v>
      </c>
      <c r="L124" s="134">
        <v>0.56100000000000005</v>
      </c>
      <c r="M124" s="94">
        <v>1.0284938582580939E-2</v>
      </c>
      <c r="N124" s="134">
        <v>0.153</v>
      </c>
      <c r="O124" s="94">
        <v>7.4635564944022306E-3</v>
      </c>
      <c r="P124" s="134">
        <v>0.17199999999999999</v>
      </c>
      <c r="Q124" s="94">
        <v>7.823578070147828E-3</v>
      </c>
      <c r="R124" s="134">
        <v>0.114</v>
      </c>
      <c r="S124" s="94">
        <v>6.5906676373308224E-3</v>
      </c>
    </row>
    <row r="125" spans="1:30">
      <c r="A125" s="49" t="s">
        <v>437</v>
      </c>
      <c r="B125" s="135">
        <v>8729</v>
      </c>
      <c r="C125" s="136">
        <v>0.37375328790127532</v>
      </c>
      <c r="D125" s="97">
        <v>1.0354450295772881E-2</v>
      </c>
      <c r="E125" s="136">
        <v>0.21759286025718899</v>
      </c>
      <c r="F125" s="97">
        <v>8.8324285743558578E-3</v>
      </c>
      <c r="G125" s="136">
        <v>0.40625327016899487</v>
      </c>
      <c r="H125" s="97">
        <v>1.0511254749015609E-2</v>
      </c>
      <c r="I125" s="136">
        <v>2.4005816725408747E-3</v>
      </c>
      <c r="J125" s="97">
        <v>1.0957982685366465E-3</v>
      </c>
      <c r="K125" s="135">
        <v>8676</v>
      </c>
      <c r="L125" s="136">
        <v>0.59507818213662678</v>
      </c>
      <c r="M125" s="97">
        <v>1.0537807050497342E-2</v>
      </c>
      <c r="N125" s="136">
        <v>0.14526782920903189</v>
      </c>
      <c r="O125" s="97">
        <v>7.5678509073263808E-3</v>
      </c>
      <c r="P125" s="136">
        <v>0.16198415705035279</v>
      </c>
      <c r="Q125" s="97">
        <v>7.912265737003878E-3</v>
      </c>
      <c r="R125" s="136">
        <v>9.7669831603988483E-2</v>
      </c>
      <c r="S125" s="97">
        <v>6.3782316201213256E-3</v>
      </c>
    </row>
    <row r="126" spans="1:30">
      <c r="A126" s="45" t="s">
        <v>438</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9</v>
      </c>
      <c r="B127" s="135">
        <v>3531</v>
      </c>
      <c r="C127" s="136">
        <v>0.32200000000000001</v>
      </c>
      <c r="D127" s="97">
        <v>1.5719884001007909E-2</v>
      </c>
      <c r="E127" s="136">
        <v>0.22700000000000001</v>
      </c>
      <c r="F127" s="97">
        <v>1.4097641718805023E-2</v>
      </c>
      <c r="G127" s="136">
        <v>0.44800000000000001</v>
      </c>
      <c r="H127" s="97">
        <v>1.6728199633786675E-2</v>
      </c>
      <c r="I127" s="136">
        <v>3.0000000000000001E-3</v>
      </c>
      <c r="J127" s="97">
        <v>2.0041500685369926E-3</v>
      </c>
      <c r="K127" s="135">
        <v>3515</v>
      </c>
      <c r="L127" s="136">
        <v>0.56000000000000005</v>
      </c>
      <c r="M127" s="97">
        <v>1.6735855687042597E-2</v>
      </c>
      <c r="N127" s="136">
        <v>0.16500000000000001</v>
      </c>
      <c r="O127" s="97">
        <v>1.2525846392379832E-2</v>
      </c>
      <c r="P127" s="136">
        <v>0.13500000000000001</v>
      </c>
      <c r="Q127" s="97">
        <v>1.1536058496611094E-2</v>
      </c>
      <c r="R127" s="136">
        <v>0.13900000000000001</v>
      </c>
      <c r="S127" s="97">
        <v>1.1677931469462442E-2</v>
      </c>
    </row>
    <row r="128" spans="1:30">
      <c r="A128" s="45" t="s">
        <v>440</v>
      </c>
      <c r="B128" s="83">
        <v>3273</v>
      </c>
      <c r="C128" s="98">
        <v>0.317</v>
      </c>
      <c r="D128" s="94">
        <v>1.6259743413264107E-2</v>
      </c>
      <c r="E128" s="98">
        <v>0.22</v>
      </c>
      <c r="F128" s="94">
        <v>1.4480792483138182E-2</v>
      </c>
      <c r="G128" s="98">
        <v>0.46</v>
      </c>
      <c r="H128" s="94">
        <v>1.7412895078562588E-2</v>
      </c>
      <c r="I128" s="98">
        <v>3.0000000000000001E-3</v>
      </c>
      <c r="J128" s="94">
        <v>2.0943985583118611E-3</v>
      </c>
      <c r="K128" s="83">
        <v>3258</v>
      </c>
      <c r="L128" s="98">
        <v>0.56200000000000006</v>
      </c>
      <c r="M128" s="94">
        <v>1.7374068979906808E-2</v>
      </c>
      <c r="N128" s="98">
        <v>0.16900000000000001</v>
      </c>
      <c r="O128" s="94">
        <v>1.3135502449492078E-2</v>
      </c>
      <c r="P128" s="98">
        <v>0.14199999999999999</v>
      </c>
      <c r="Q128" s="94">
        <v>1.2238691264437156E-2</v>
      </c>
      <c r="R128" s="98">
        <v>0.127</v>
      </c>
      <c r="S128" s="94">
        <v>1.167787567520133E-2</v>
      </c>
    </row>
    <row r="129" spans="1:33">
      <c r="A129" s="49" t="s">
        <v>455</v>
      </c>
      <c r="B129" s="135">
        <v>559</v>
      </c>
      <c r="C129" s="136">
        <v>0.28499999999999998</v>
      </c>
      <c r="D129" s="97">
        <v>3.8110758005718219E-2</v>
      </c>
      <c r="E129" s="136">
        <v>0.22700000000000001</v>
      </c>
      <c r="F129" s="97">
        <v>3.541444693806349E-2</v>
      </c>
      <c r="G129" s="136">
        <v>0.48</v>
      </c>
      <c r="H129" s="97">
        <v>4.2111723486804281E-2</v>
      </c>
      <c r="I129" s="136">
        <v>8.0000000000000002E-3</v>
      </c>
      <c r="J129" s="97">
        <v>8.9852500464400846E-3</v>
      </c>
      <c r="K129" s="135">
        <v>556</v>
      </c>
      <c r="L129" s="136">
        <v>0.495</v>
      </c>
      <c r="M129" s="97">
        <v>4.2255629875737687E-2</v>
      </c>
      <c r="N129" s="136">
        <v>0.19</v>
      </c>
      <c r="O129" s="97">
        <v>3.3302504633567799E-2</v>
      </c>
      <c r="P129" s="136">
        <v>0.152</v>
      </c>
      <c r="Q129" s="97">
        <v>3.054503447690533E-2</v>
      </c>
      <c r="R129" s="136">
        <v>0.16200000000000001</v>
      </c>
      <c r="S129" s="97">
        <v>3.1325734328110096E-2</v>
      </c>
    </row>
    <row r="130" spans="1:33">
      <c r="A130" s="45" t="s">
        <v>441</v>
      </c>
      <c r="B130" s="83">
        <v>113</v>
      </c>
      <c r="C130" s="98">
        <v>0.48</v>
      </c>
      <c r="D130" s="94">
        <v>9.2381017567422383E-2</v>
      </c>
      <c r="E130" s="98">
        <v>0.184</v>
      </c>
      <c r="F130" s="94">
        <v>7.3229541193771036E-2</v>
      </c>
      <c r="G130" s="98">
        <v>0.33600000000000002</v>
      </c>
      <c r="H130" s="94">
        <v>8.7688572111050966E-2</v>
      </c>
      <c r="I130" s="98">
        <v>0</v>
      </c>
      <c r="J130" s="94">
        <v>2.3967079753657358E-2</v>
      </c>
      <c r="K130" s="83">
        <v>113</v>
      </c>
      <c r="L130" s="98">
        <v>0.51300000000000001</v>
      </c>
      <c r="M130" s="94">
        <v>9.2420880096259775E-2</v>
      </c>
      <c r="N130" s="98">
        <v>0.14799999999999999</v>
      </c>
      <c r="O130" s="94">
        <v>6.779134571356138E-2</v>
      </c>
      <c r="P130" s="98">
        <v>0.184</v>
      </c>
      <c r="Q130" s="94">
        <v>7.3229541193771036E-2</v>
      </c>
      <c r="R130" s="98">
        <v>0.154</v>
      </c>
      <c r="S130" s="94">
        <v>6.8769348853385481E-2</v>
      </c>
    </row>
    <row r="131" spans="1:33">
      <c r="A131" s="49" t="s">
        <v>442</v>
      </c>
      <c r="B131" s="135">
        <v>173</v>
      </c>
      <c r="C131" s="136">
        <v>0.28299999999999997</v>
      </c>
      <c r="D131" s="97">
        <v>6.806697725292192E-2</v>
      </c>
      <c r="E131" s="136">
        <v>0.22600000000000001</v>
      </c>
      <c r="F131" s="97">
        <v>6.3473634110489188E-2</v>
      </c>
      <c r="G131" s="136">
        <v>0.47399999999999998</v>
      </c>
      <c r="H131" s="97">
        <v>7.5067458691632255E-2</v>
      </c>
      <c r="I131" s="136">
        <v>1.7999999999999999E-2</v>
      </c>
      <c r="J131" s="97">
        <v>2.5180868817804531E-2</v>
      </c>
      <c r="K131" s="135">
        <v>172</v>
      </c>
      <c r="L131" s="136">
        <v>0.48599999999999999</v>
      </c>
      <c r="M131" s="97">
        <v>7.5349610581614157E-2</v>
      </c>
      <c r="N131" s="136">
        <v>0.23100000000000001</v>
      </c>
      <c r="O131" s="97">
        <v>6.4118278455815469E-2</v>
      </c>
      <c r="P131" s="136">
        <v>0.17100000000000001</v>
      </c>
      <c r="Q131" s="97">
        <v>5.7726458375039508E-2</v>
      </c>
      <c r="R131" s="136">
        <v>0.111</v>
      </c>
      <c r="S131" s="97">
        <v>4.896173496609682E-2</v>
      </c>
    </row>
    <row r="132" spans="1:33">
      <c r="A132" s="45" t="s">
        <v>443</v>
      </c>
      <c r="B132" s="83">
        <v>134</v>
      </c>
      <c r="C132" s="98">
        <v>0.23899999999999999</v>
      </c>
      <c r="D132" s="94">
        <v>7.3380250663000121E-2</v>
      </c>
      <c r="E132" s="98">
        <v>0.224</v>
      </c>
      <c r="F132" s="94">
        <v>7.1864606999067604E-2</v>
      </c>
      <c r="G132" s="98">
        <v>0.53800000000000003</v>
      </c>
      <c r="H132" s="94">
        <v>8.4893538948500782E-2</v>
      </c>
      <c r="I132" s="98">
        <v>0</v>
      </c>
      <c r="J132" s="94">
        <v>2.034678603371113E-2</v>
      </c>
      <c r="K132" s="83">
        <v>133</v>
      </c>
      <c r="L132" s="98">
        <v>0.58499999999999996</v>
      </c>
      <c r="M132" s="94">
        <v>8.4264224464573517E-2</v>
      </c>
      <c r="N132" s="98">
        <v>0.17</v>
      </c>
      <c r="O132" s="94">
        <v>6.5594705625615105E-2</v>
      </c>
      <c r="P132" s="98">
        <v>0.13600000000000001</v>
      </c>
      <c r="Q132" s="94">
        <v>6.0443143073380709E-2</v>
      </c>
      <c r="R132" s="98">
        <v>0.11</v>
      </c>
      <c r="S132" s="94">
        <v>5.580259555333112E-2</v>
      </c>
    </row>
    <row r="133" spans="1:33">
      <c r="A133" s="49" t="s">
        <v>444</v>
      </c>
      <c r="B133" s="135">
        <v>139</v>
      </c>
      <c r="C133" s="136">
        <v>0.20799999999999999</v>
      </c>
      <c r="D133" s="97">
        <v>6.8844468574099177E-2</v>
      </c>
      <c r="E133" s="136">
        <v>0.254</v>
      </c>
      <c r="F133" s="97">
        <v>7.3441315841399568E-2</v>
      </c>
      <c r="G133" s="136">
        <v>0.53200000000000003</v>
      </c>
      <c r="H133" s="97">
        <v>8.346222888447212E-2</v>
      </c>
      <c r="I133" s="136">
        <v>7.0000000000000001E-3</v>
      </c>
      <c r="J133" s="97">
        <v>2.3863233250699927E-2</v>
      </c>
      <c r="K133" s="135">
        <v>138</v>
      </c>
      <c r="L133" s="136">
        <v>0.44</v>
      </c>
      <c r="M133" s="97">
        <v>8.3345532307635792E-2</v>
      </c>
      <c r="N133" s="136">
        <v>0.182</v>
      </c>
      <c r="O133" s="97">
        <v>6.5969025070047052E-2</v>
      </c>
      <c r="P133" s="136">
        <v>0.125</v>
      </c>
      <c r="Q133" s="97">
        <v>5.7454440054043855E-2</v>
      </c>
      <c r="R133" s="136">
        <v>0.254</v>
      </c>
      <c r="S133" s="97">
        <v>7.3703886623077627E-2</v>
      </c>
    </row>
    <row r="134" spans="1:33">
      <c r="A134" s="45" t="s">
        <v>456</v>
      </c>
      <c r="B134" s="133">
        <v>506</v>
      </c>
      <c r="C134" s="134">
        <v>0.315</v>
      </c>
      <c r="D134" s="94">
        <v>4.1189162614340503E-2</v>
      </c>
      <c r="E134" s="134">
        <v>0.222</v>
      </c>
      <c r="F134" s="94">
        <v>3.6933808724475478E-2</v>
      </c>
      <c r="G134" s="134">
        <v>0.46300000000000002</v>
      </c>
      <c r="H134" s="94">
        <v>4.4161236688427259E-2</v>
      </c>
      <c r="I134" s="134">
        <v>0</v>
      </c>
      <c r="J134" s="94">
        <v>5.5350504731929515E-3</v>
      </c>
      <c r="K134" s="133">
        <v>506</v>
      </c>
      <c r="L134" s="134">
        <v>0.61099999999999999</v>
      </c>
      <c r="M134" s="94">
        <v>4.3193274046519375E-2</v>
      </c>
      <c r="N134" s="134">
        <v>0.157</v>
      </c>
      <c r="O134" s="94">
        <v>3.244171090902593E-2</v>
      </c>
      <c r="P134" s="134">
        <v>0.11899999999999999</v>
      </c>
      <c r="Q134" s="94">
        <v>2.8983714933131951E-2</v>
      </c>
      <c r="R134" s="134">
        <v>0.113</v>
      </c>
      <c r="S134" s="94">
        <v>2.8363343456870142E-2</v>
      </c>
    </row>
    <row r="135" spans="1:33" ht="25.5">
      <c r="A135" s="49" t="s">
        <v>445</v>
      </c>
      <c r="B135" s="135">
        <v>170</v>
      </c>
      <c r="C135" s="136">
        <v>0.32100000000000001</v>
      </c>
      <c r="D135" s="97">
        <v>7.1021320527715606E-2</v>
      </c>
      <c r="E135" s="136">
        <v>0.23499999999999999</v>
      </c>
      <c r="F135" s="97">
        <v>6.4854678174452882E-2</v>
      </c>
      <c r="G135" s="136">
        <v>0.44400000000000001</v>
      </c>
      <c r="H135" s="97">
        <v>7.5354568254497753E-2</v>
      </c>
      <c r="I135" s="136">
        <v>0</v>
      </c>
      <c r="J135" s="97">
        <v>1.6161636869729715E-2</v>
      </c>
      <c r="K135" s="135">
        <v>169</v>
      </c>
      <c r="L135" s="136">
        <v>0.66600000000000004</v>
      </c>
      <c r="M135" s="97">
        <v>7.1918954787764083E-2</v>
      </c>
      <c r="N135" s="136">
        <v>0.1</v>
      </c>
      <c r="O135" s="97">
        <v>4.7434361868182187E-2</v>
      </c>
      <c r="P135" s="136">
        <v>0.186</v>
      </c>
      <c r="Q135" s="97">
        <v>6.0040572664148056E-2</v>
      </c>
      <c r="R135" s="136">
        <v>4.9000000000000002E-2</v>
      </c>
      <c r="S135" s="97">
        <v>3.5949897283314353E-2</v>
      </c>
    </row>
    <row r="136" spans="1:33">
      <c r="A136" s="45" t="s">
        <v>446</v>
      </c>
      <c r="B136" s="83">
        <v>111</v>
      </c>
      <c r="C136" s="98">
        <v>0.17899999999999999</v>
      </c>
      <c r="D136" s="94">
        <v>7.3188834379075418E-2</v>
      </c>
      <c r="E136" s="98">
        <v>0.19700000000000001</v>
      </c>
      <c r="F136" s="94">
        <v>7.5634507830212666E-2</v>
      </c>
      <c r="G136" s="98">
        <v>0.623</v>
      </c>
      <c r="H136" s="94">
        <v>9.058364352936725E-2</v>
      </c>
      <c r="I136" s="98">
        <v>0</v>
      </c>
      <c r="J136" s="94">
        <v>2.4380210707016403E-2</v>
      </c>
      <c r="K136" s="83">
        <v>113</v>
      </c>
      <c r="L136" s="98">
        <v>0.47</v>
      </c>
      <c r="M136" s="94">
        <v>9.2294676073553794E-2</v>
      </c>
      <c r="N136" s="98">
        <v>0.25700000000000001</v>
      </c>
      <c r="O136" s="94">
        <v>8.1632807362914714E-2</v>
      </c>
      <c r="P136" s="98">
        <v>8.4000000000000005E-2</v>
      </c>
      <c r="Q136" s="94">
        <v>5.5029010929651893E-2</v>
      </c>
      <c r="R136" s="98">
        <v>0.189</v>
      </c>
      <c r="S136" s="94">
        <v>7.3909011307108169E-2</v>
      </c>
    </row>
    <row r="137" spans="1:33">
      <c r="A137" s="49" t="s">
        <v>447</v>
      </c>
      <c r="B137" s="135">
        <v>94</v>
      </c>
      <c r="C137" s="136">
        <v>0.436</v>
      </c>
      <c r="D137" s="97">
        <v>0.10025102035686786</v>
      </c>
      <c r="E137" s="136">
        <v>0.255</v>
      </c>
      <c r="F137" s="97">
        <v>8.9162772500635049E-2</v>
      </c>
      <c r="G137" s="136">
        <v>0.309</v>
      </c>
      <c r="H137" s="97">
        <v>9.3990069921250072E-2</v>
      </c>
      <c r="I137" s="136">
        <v>0</v>
      </c>
      <c r="J137" s="97">
        <v>2.8565478049949598E-2</v>
      </c>
      <c r="K137" s="135">
        <v>93</v>
      </c>
      <c r="L137" s="136">
        <v>0.56499999999999995</v>
      </c>
      <c r="M137" s="97">
        <v>0.10074286324476452</v>
      </c>
      <c r="N137" s="136">
        <v>0.127</v>
      </c>
      <c r="O137" s="97">
        <v>7.0960702905394704E-2</v>
      </c>
      <c r="P137" s="136">
        <v>0.125</v>
      </c>
      <c r="Q137" s="97">
        <v>7.0560000175060769E-2</v>
      </c>
      <c r="R137" s="136">
        <v>0.183</v>
      </c>
      <c r="S137" s="97">
        <v>8.0623311734806788E-2</v>
      </c>
    </row>
    <row r="138" spans="1:33" ht="25.5">
      <c r="A138" s="57" t="s">
        <v>448</v>
      </c>
      <c r="B138" s="133">
        <v>131</v>
      </c>
      <c r="C138" s="134">
        <v>0.35599999999999998</v>
      </c>
      <c r="D138" s="94">
        <v>8.263701897666563E-2</v>
      </c>
      <c r="E138" s="134">
        <v>0.192</v>
      </c>
      <c r="F138" s="94">
        <v>6.8997968375107202E-2</v>
      </c>
      <c r="G138" s="134">
        <v>0.45200000000000001</v>
      </c>
      <c r="H138" s="94">
        <v>8.5692043040833832E-2</v>
      </c>
      <c r="I138" s="134">
        <v>0</v>
      </c>
      <c r="J138" s="94">
        <v>2.07955380376675E-2</v>
      </c>
      <c r="K138" s="133">
        <v>131</v>
      </c>
      <c r="L138" s="134">
        <v>0.78200000000000003</v>
      </c>
      <c r="M138" s="94">
        <v>7.2032650626553729E-2</v>
      </c>
      <c r="N138" s="134">
        <v>0.14399999999999999</v>
      </c>
      <c r="O138" s="94">
        <v>6.2221353498410084E-2</v>
      </c>
      <c r="P138" s="134">
        <v>4.7E-2</v>
      </c>
      <c r="Q138" s="94">
        <v>4.1013593874317154E-2</v>
      </c>
      <c r="R138" s="134">
        <v>2.5999999999999999E-2</v>
      </c>
      <c r="S138" s="94">
        <v>3.3748914677124937E-2</v>
      </c>
    </row>
    <row r="139" spans="1:33">
      <c r="A139" s="49" t="s">
        <v>457</v>
      </c>
      <c r="B139" s="135">
        <v>729</v>
      </c>
      <c r="C139" s="136">
        <v>0.33700000000000002</v>
      </c>
      <c r="D139" s="97">
        <v>3.4940618832943901E-2</v>
      </c>
      <c r="E139" s="136">
        <v>0.221</v>
      </c>
      <c r="F139" s="97">
        <v>3.0726202998971556E-2</v>
      </c>
      <c r="G139" s="136">
        <v>0.44</v>
      </c>
      <c r="H139" s="97">
        <v>3.6671855852043328E-2</v>
      </c>
      <c r="I139" s="136">
        <v>3.0000000000000001E-3</v>
      </c>
      <c r="J139" s="97">
        <v>5.5671582870530194E-3</v>
      </c>
      <c r="K139" s="135">
        <v>724</v>
      </c>
      <c r="L139" s="136">
        <v>0.54</v>
      </c>
      <c r="M139" s="97">
        <v>3.6944979444062269E-2</v>
      </c>
      <c r="N139" s="136">
        <v>0.158</v>
      </c>
      <c r="O139" s="97">
        <v>2.7166336188402748E-2</v>
      </c>
      <c r="P139" s="136">
        <v>0.16</v>
      </c>
      <c r="Q139" s="97">
        <v>2.7302421073022855E-2</v>
      </c>
      <c r="R139" s="136">
        <v>0.14199999999999999</v>
      </c>
      <c r="S139" s="97">
        <v>2.602202431349241E-2</v>
      </c>
    </row>
    <row r="140" spans="1:33">
      <c r="A140" s="57" t="s">
        <v>449</v>
      </c>
      <c r="B140" s="133">
        <v>130</v>
      </c>
      <c r="C140" s="134">
        <v>0.39200000000000002</v>
      </c>
      <c r="D140" s="94">
        <v>8.4468834631275178E-2</v>
      </c>
      <c r="E140" s="134">
        <v>0.26100000000000001</v>
      </c>
      <c r="F140" s="94">
        <v>7.6536657944909992E-2</v>
      </c>
      <c r="G140" s="134">
        <v>0.34699999999999998</v>
      </c>
      <c r="H140" s="94">
        <v>8.2492458859350914E-2</v>
      </c>
      <c r="I140" s="134">
        <v>0</v>
      </c>
      <c r="J140" s="94">
        <v>2.0949553032762303E-2</v>
      </c>
      <c r="K140" s="133">
        <v>127</v>
      </c>
      <c r="L140" s="134">
        <v>0.58399999999999996</v>
      </c>
      <c r="M140" s="94">
        <v>8.6203792291095996E-2</v>
      </c>
      <c r="N140" s="134">
        <v>8.6999999999999994E-2</v>
      </c>
      <c r="O140" s="94">
        <v>5.2331415419501523E-2</v>
      </c>
      <c r="P140" s="134">
        <v>0.184</v>
      </c>
      <c r="Q140" s="94">
        <v>6.9050037379431356E-2</v>
      </c>
      <c r="R140" s="134">
        <v>0.14499999999999999</v>
      </c>
      <c r="S140" s="94">
        <v>6.3379069010012334E-2</v>
      </c>
    </row>
    <row r="141" spans="1:33">
      <c r="A141" s="49" t="s">
        <v>450</v>
      </c>
      <c r="B141" s="135">
        <v>107</v>
      </c>
      <c r="C141" s="136">
        <v>0.27700000000000002</v>
      </c>
      <c r="D141" s="97">
        <v>8.5695983527123765E-2</v>
      </c>
      <c r="E141" s="136">
        <v>0.22500000000000001</v>
      </c>
      <c r="F141" s="97">
        <v>8.0477682908638395E-2</v>
      </c>
      <c r="G141" s="136">
        <v>0.498</v>
      </c>
      <c r="H141" s="97">
        <v>9.4915093986399315E-2</v>
      </c>
      <c r="I141" s="136">
        <v>0</v>
      </c>
      <c r="J141" s="97">
        <v>2.5250720474759302E-2</v>
      </c>
      <c r="K141" s="135">
        <v>106</v>
      </c>
      <c r="L141" s="136">
        <v>0.39600000000000002</v>
      </c>
      <c r="M141" s="97">
        <v>9.3411370931936979E-2</v>
      </c>
      <c r="N141" s="136">
        <v>0.187</v>
      </c>
      <c r="O141" s="97">
        <v>7.6044597536085654E-2</v>
      </c>
      <c r="P141" s="136">
        <v>0.24</v>
      </c>
      <c r="Q141" s="97">
        <v>8.2512142402659652E-2</v>
      </c>
      <c r="R141" s="136">
        <v>0.17699999999999999</v>
      </c>
      <c r="S141" s="97">
        <v>7.461918055491297E-2</v>
      </c>
      <c r="T141" s="249"/>
      <c r="U141" s="249"/>
      <c r="V141" s="249"/>
      <c r="W141" s="249"/>
      <c r="X141" s="249"/>
      <c r="Y141" s="249"/>
      <c r="Z141" s="249"/>
      <c r="AA141" s="249"/>
      <c r="AB141" s="249"/>
      <c r="AC141" s="249"/>
      <c r="AD141" s="249"/>
      <c r="AE141" s="249"/>
      <c r="AF141" s="249"/>
      <c r="AG141" s="249"/>
    </row>
    <row r="142" spans="1:33" ht="25.5">
      <c r="A142" s="57" t="s">
        <v>451</v>
      </c>
      <c r="B142" s="133">
        <v>187</v>
      </c>
      <c r="C142" s="134">
        <v>0.32300000000000001</v>
      </c>
      <c r="D142" s="94">
        <v>6.7872604565448358E-2</v>
      </c>
      <c r="E142" s="134">
        <v>0.222</v>
      </c>
      <c r="F142" s="94">
        <v>6.0697366291127576E-2</v>
      </c>
      <c r="G142" s="134">
        <v>0.44400000000000001</v>
      </c>
      <c r="H142" s="94">
        <v>7.1921128322285907E-2</v>
      </c>
      <c r="I142" s="134">
        <v>1.0999999999999999E-2</v>
      </c>
      <c r="J142" s="94">
        <v>2.0865896678422868E-2</v>
      </c>
      <c r="K142" s="133">
        <v>185</v>
      </c>
      <c r="L142" s="134">
        <v>0.58699999999999997</v>
      </c>
      <c r="M142" s="94">
        <v>7.1676520648170192E-2</v>
      </c>
      <c r="N142" s="134">
        <v>0.114</v>
      </c>
      <c r="O142" s="94">
        <v>4.764151214029138E-2</v>
      </c>
      <c r="P142" s="134">
        <v>6.7000000000000004E-2</v>
      </c>
      <c r="Q142" s="94">
        <v>3.8589705303768485E-2</v>
      </c>
      <c r="R142" s="134">
        <v>0.23100000000000001</v>
      </c>
      <c r="S142" s="94">
        <v>6.1836015915160948E-2</v>
      </c>
      <c r="T142" s="249"/>
      <c r="U142" s="249"/>
      <c r="V142" s="249"/>
      <c r="W142" s="249"/>
      <c r="X142" s="249"/>
      <c r="Y142" s="249"/>
      <c r="Z142" s="249"/>
      <c r="AA142" s="249"/>
      <c r="AB142" s="249"/>
      <c r="AC142" s="249"/>
      <c r="AD142" s="249"/>
      <c r="AE142" s="249"/>
      <c r="AF142" s="249"/>
      <c r="AG142" s="249"/>
    </row>
    <row r="143" spans="1:33">
      <c r="A143" s="49" t="s">
        <v>452</v>
      </c>
      <c r="B143" s="135">
        <v>83</v>
      </c>
      <c r="C143" s="136">
        <v>0.317</v>
      </c>
      <c r="D143" s="97">
        <v>0.10046321597353905</v>
      </c>
      <c r="E143" s="136">
        <v>0.30099999999999999</v>
      </c>
      <c r="F143" s="97">
        <v>9.9182117242718984E-2</v>
      </c>
      <c r="G143" s="136">
        <v>0.38100000000000001</v>
      </c>
      <c r="H143" s="97">
        <v>0.10441104142646493</v>
      </c>
      <c r="I143" s="136">
        <v>0</v>
      </c>
      <c r="J143" s="97">
        <v>3.2134798233390625E-2</v>
      </c>
      <c r="K143" s="135">
        <v>82</v>
      </c>
      <c r="L143" s="136">
        <v>0.70899999999999996</v>
      </c>
      <c r="M143" s="97">
        <v>9.8898080577847755E-2</v>
      </c>
      <c r="N143" s="136">
        <v>0.123</v>
      </c>
      <c r="O143" s="97">
        <v>7.4952645570844245E-2</v>
      </c>
      <c r="P143" s="136">
        <v>4.3999999999999997E-2</v>
      </c>
      <c r="Q143" s="97">
        <v>5.3246704981925415E-2</v>
      </c>
      <c r="R143" s="136">
        <v>0.124</v>
      </c>
      <c r="S143" s="97">
        <v>7.51647531992964E-2</v>
      </c>
      <c r="T143" s="249"/>
      <c r="U143" s="249"/>
      <c r="V143" s="249"/>
      <c r="W143" s="249"/>
      <c r="X143" s="249"/>
      <c r="Y143" s="249"/>
      <c r="Z143" s="249"/>
      <c r="AA143" s="249"/>
      <c r="AB143" s="249"/>
      <c r="AC143" s="249"/>
      <c r="AD143" s="249"/>
      <c r="AE143" s="249"/>
      <c r="AF143" s="249"/>
      <c r="AG143" s="249"/>
    </row>
    <row r="144" spans="1:33">
      <c r="A144" s="57" t="s">
        <v>453</v>
      </c>
      <c r="B144" s="133">
        <v>93</v>
      </c>
      <c r="C144" s="134">
        <v>0.317</v>
      </c>
      <c r="D144" s="94">
        <v>9.5078053958060987E-2</v>
      </c>
      <c r="E144" s="134">
        <v>0.217</v>
      </c>
      <c r="F144" s="94">
        <v>8.5284263796506651E-2</v>
      </c>
      <c r="G144" s="134">
        <v>0.46600000000000003</v>
      </c>
      <c r="H144" s="94">
        <v>0.10131860016467568</v>
      </c>
      <c r="I144" s="134">
        <v>0</v>
      </c>
      <c r="J144" s="94">
        <v>2.885686812463846E-2</v>
      </c>
      <c r="K144" s="133">
        <v>93</v>
      </c>
      <c r="L144" s="134">
        <v>0.57899999999999996</v>
      </c>
      <c r="M144" s="94">
        <v>0.1003628692238524</v>
      </c>
      <c r="N144" s="134">
        <v>0.24</v>
      </c>
      <c r="O144" s="94">
        <v>8.8016002285500425E-2</v>
      </c>
      <c r="P144" s="134">
        <v>8.2000000000000003E-2</v>
      </c>
      <c r="Q144" s="94">
        <v>6.0713662493959632E-2</v>
      </c>
      <c r="R144" s="134">
        <v>9.8000000000000004E-2</v>
      </c>
      <c r="S144" s="94">
        <v>6.4679816454974615E-2</v>
      </c>
      <c r="T144" s="249"/>
      <c r="U144" s="249"/>
      <c r="V144" s="249"/>
      <c r="W144" s="249"/>
      <c r="X144" s="249"/>
      <c r="Y144" s="249"/>
      <c r="Z144" s="249"/>
      <c r="AA144" s="249"/>
      <c r="AB144" s="249"/>
      <c r="AC144" s="249"/>
      <c r="AD144" s="249"/>
      <c r="AE144" s="249"/>
      <c r="AF144" s="249"/>
      <c r="AG144" s="249"/>
    </row>
    <row r="145" spans="1:33">
      <c r="A145" s="49" t="s">
        <v>454</v>
      </c>
      <c r="B145" s="135">
        <v>129</v>
      </c>
      <c r="C145" s="136">
        <v>0.38400000000000001</v>
      </c>
      <c r="D145" s="97">
        <v>8.4487168092529041E-2</v>
      </c>
      <c r="E145" s="136">
        <v>0.16700000000000001</v>
      </c>
      <c r="F145" s="97">
        <v>6.6191954639026107E-2</v>
      </c>
      <c r="G145" s="136">
        <v>0.44900000000000001</v>
      </c>
      <c r="H145" s="97">
        <v>8.6285606964902797E-2</v>
      </c>
      <c r="I145" s="136">
        <v>0</v>
      </c>
      <c r="J145" s="97">
        <v>2.1105866163924628E-2</v>
      </c>
      <c r="K145" s="135">
        <v>131</v>
      </c>
      <c r="L145" s="136">
        <v>0.48499999999999999</v>
      </c>
      <c r="M145" s="97">
        <v>8.6029820118972644E-2</v>
      </c>
      <c r="N145" s="136">
        <v>0.17799999999999999</v>
      </c>
      <c r="O145" s="97">
        <v>6.7191095376331361E-2</v>
      </c>
      <c r="P145" s="136">
        <v>0.28199999999999997</v>
      </c>
      <c r="Q145" s="97">
        <v>7.7983951816665203E-2</v>
      </c>
      <c r="R145" s="136">
        <v>5.6000000000000001E-2</v>
      </c>
      <c r="S145" s="97">
        <v>4.3673219081367551E-2</v>
      </c>
      <c r="T145" s="249"/>
      <c r="U145" s="249"/>
      <c r="V145" s="249"/>
      <c r="W145" s="249"/>
      <c r="X145" s="249"/>
      <c r="Y145" s="249"/>
      <c r="Z145" s="249"/>
      <c r="AA145" s="249"/>
      <c r="AB145" s="249"/>
      <c r="AC145" s="249"/>
      <c r="AD145" s="249"/>
      <c r="AE145" s="249"/>
      <c r="AF145" s="249"/>
      <c r="AG145" s="249"/>
    </row>
    <row r="146" spans="1:33">
      <c r="R146" s="249"/>
      <c r="S146" s="249"/>
      <c r="T146" s="249"/>
      <c r="U146" s="249"/>
      <c r="V146" s="249"/>
      <c r="W146" s="249"/>
      <c r="X146" s="249"/>
      <c r="Y146" s="249"/>
      <c r="Z146" s="249"/>
      <c r="AA146" s="249"/>
      <c r="AB146" s="249"/>
      <c r="AC146" s="249"/>
      <c r="AD146" s="249"/>
      <c r="AE146" s="249"/>
    </row>
    <row r="147" spans="1:33">
      <c r="R147" s="249"/>
      <c r="S147" s="249"/>
      <c r="T147" s="249"/>
      <c r="U147" s="249"/>
      <c r="V147" s="249"/>
      <c r="W147" s="249"/>
      <c r="X147" s="249"/>
      <c r="Y147" s="249"/>
      <c r="Z147" s="249"/>
      <c r="AA147" s="249"/>
      <c r="AB147" s="249"/>
      <c r="AC147" s="249"/>
      <c r="AD147" s="249"/>
      <c r="AE147" s="249"/>
    </row>
    <row r="148" spans="1:33" ht="18.75">
      <c r="A148" s="322" t="s">
        <v>255</v>
      </c>
      <c r="B148" s="322"/>
      <c r="C148" s="322"/>
      <c r="D148" s="322"/>
      <c r="E148" s="322"/>
      <c r="F148" s="322"/>
      <c r="G148" s="322"/>
      <c r="H148" s="322"/>
      <c r="I148" s="322"/>
      <c r="J148" s="322"/>
      <c r="K148" s="322"/>
      <c r="L148" s="322"/>
      <c r="M148" s="322"/>
      <c r="N148" s="322"/>
      <c r="O148" s="322"/>
      <c r="P148" s="322"/>
      <c r="Q148" s="322"/>
      <c r="R148" s="322"/>
      <c r="S148" s="322"/>
      <c r="T148" s="322"/>
      <c r="U148" s="322"/>
      <c r="V148" s="322"/>
      <c r="W148" s="322"/>
      <c r="X148" s="227"/>
      <c r="Y148" s="227"/>
      <c r="Z148" s="227"/>
      <c r="AA148" s="227"/>
      <c r="AB148" s="227"/>
      <c r="AC148" s="227"/>
      <c r="AD148" s="249"/>
      <c r="AE148" s="249"/>
    </row>
    <row r="149" spans="1:33" ht="57.75" customHeight="1">
      <c r="A149" s="358" t="s">
        <v>487</v>
      </c>
      <c r="B149" s="358"/>
      <c r="C149" s="358"/>
      <c r="D149" s="358"/>
      <c r="E149" s="358"/>
      <c r="F149" s="358"/>
      <c r="G149" s="358"/>
      <c r="H149" s="358"/>
      <c r="I149" s="358"/>
      <c r="J149" s="358"/>
      <c r="K149" s="358"/>
      <c r="L149" s="358"/>
      <c r="M149" s="358"/>
      <c r="N149" s="358"/>
      <c r="O149" s="358"/>
      <c r="P149" s="358"/>
      <c r="Q149" s="358"/>
      <c r="R149" s="358"/>
      <c r="S149" s="358"/>
      <c r="T149" s="358"/>
      <c r="U149" s="358"/>
      <c r="V149" s="358"/>
      <c r="W149" s="358"/>
      <c r="X149" s="230"/>
      <c r="Y149" s="230"/>
      <c r="Z149" s="230"/>
      <c r="AA149" s="230"/>
      <c r="AB149" s="230"/>
      <c r="AC149" s="230"/>
      <c r="AD149" s="249"/>
      <c r="AE149" s="249"/>
    </row>
    <row r="150" spans="1:33" ht="41.25" customHeight="1">
      <c r="A150" s="64"/>
      <c r="B150" s="353" t="s">
        <v>256</v>
      </c>
      <c r="C150" s="354"/>
      <c r="D150" s="354"/>
      <c r="E150" s="354"/>
      <c r="F150" s="354"/>
      <c r="G150" s="354"/>
      <c r="H150" s="354"/>
      <c r="I150" s="354"/>
      <c r="J150" s="354"/>
      <c r="K150" s="354"/>
      <c r="L150" s="355"/>
      <c r="M150" s="356" t="s">
        <v>391</v>
      </c>
      <c r="N150" s="357"/>
      <c r="O150" s="357"/>
      <c r="P150" s="357"/>
      <c r="Q150" s="357"/>
      <c r="R150" s="357"/>
      <c r="S150" s="357"/>
      <c r="T150" s="357"/>
      <c r="U150" s="357"/>
      <c r="V150" s="357"/>
      <c r="W150" s="357"/>
      <c r="X150" s="249"/>
      <c r="Y150" s="249"/>
      <c r="Z150" s="249"/>
      <c r="AA150" s="249"/>
      <c r="AB150" s="249"/>
      <c r="AC150" s="249"/>
      <c r="AD150" s="249"/>
      <c r="AE150" s="249"/>
      <c r="AF150" s="249"/>
      <c r="AG150" s="249"/>
    </row>
    <row r="151" spans="1:33" ht="40.5" customHeight="1">
      <c r="A151" s="37" t="s">
        <v>85</v>
      </c>
      <c r="B151" s="38" t="s">
        <v>86</v>
      </c>
      <c r="C151" s="39" t="s">
        <v>87</v>
      </c>
      <c r="D151" s="40" t="s">
        <v>88</v>
      </c>
      <c r="E151" s="38" t="s">
        <v>257</v>
      </c>
      <c r="F151" s="89" t="s">
        <v>318</v>
      </c>
      <c r="G151" s="38" t="s">
        <v>258</v>
      </c>
      <c r="H151" s="89" t="s">
        <v>319</v>
      </c>
      <c r="I151" s="38" t="s">
        <v>259</v>
      </c>
      <c r="J151" s="89" t="s">
        <v>320</v>
      </c>
      <c r="K151" s="38" t="s">
        <v>357</v>
      </c>
      <c r="L151" s="89" t="s">
        <v>321</v>
      </c>
      <c r="M151" s="65" t="s">
        <v>86</v>
      </c>
      <c r="N151" s="66" t="s">
        <v>87</v>
      </c>
      <c r="O151" s="67" t="s">
        <v>88</v>
      </c>
      <c r="P151" s="65" t="s">
        <v>427</v>
      </c>
      <c r="Q151" s="88" t="s">
        <v>428</v>
      </c>
      <c r="R151" s="65" t="s">
        <v>423</v>
      </c>
      <c r="S151" s="88" t="s">
        <v>425</v>
      </c>
      <c r="T151" s="65" t="s">
        <v>429</v>
      </c>
      <c r="U151" s="88" t="s">
        <v>430</v>
      </c>
      <c r="V151" s="65" t="s">
        <v>357</v>
      </c>
      <c r="W151" s="88" t="s">
        <v>371</v>
      </c>
    </row>
    <row r="152" spans="1:33" ht="55.5" customHeight="1">
      <c r="A152" s="41"/>
      <c r="B152" s="42" t="s">
        <v>89</v>
      </c>
      <c r="C152" s="43" t="s">
        <v>360</v>
      </c>
      <c r="D152" s="44" t="s">
        <v>91</v>
      </c>
      <c r="E152" s="42" t="s">
        <v>181</v>
      </c>
      <c r="F152" s="91" t="s">
        <v>104</v>
      </c>
      <c r="G152" s="42" t="s">
        <v>182</v>
      </c>
      <c r="H152" s="91" t="s">
        <v>104</v>
      </c>
      <c r="I152" s="42" t="s">
        <v>183</v>
      </c>
      <c r="J152" s="91" t="s">
        <v>104</v>
      </c>
      <c r="K152" s="42" t="s">
        <v>357</v>
      </c>
      <c r="L152" s="91" t="s">
        <v>104</v>
      </c>
      <c r="M152" s="68" t="s">
        <v>89</v>
      </c>
      <c r="N152" s="69" t="s">
        <v>359</v>
      </c>
      <c r="O152" s="70" t="s">
        <v>91</v>
      </c>
      <c r="P152" s="68" t="s">
        <v>422</v>
      </c>
      <c r="Q152" s="90" t="s">
        <v>104</v>
      </c>
      <c r="R152" s="68" t="s">
        <v>424</v>
      </c>
      <c r="S152" s="90" t="s">
        <v>104</v>
      </c>
      <c r="T152" s="68" t="s">
        <v>181</v>
      </c>
      <c r="U152" s="90" t="s">
        <v>104</v>
      </c>
      <c r="V152" s="68" t="s">
        <v>357</v>
      </c>
      <c r="W152" s="90" t="s">
        <v>104</v>
      </c>
    </row>
    <row r="153" spans="1:33">
      <c r="A153" s="45" t="s">
        <v>436</v>
      </c>
      <c r="B153" s="133">
        <v>10986</v>
      </c>
      <c r="C153" s="84">
        <v>3.84</v>
      </c>
      <c r="D153" s="85">
        <v>3.9199999999999999E-2</v>
      </c>
      <c r="E153" s="134">
        <v>0.372</v>
      </c>
      <c r="F153" s="94">
        <v>9.2213291604924599E-3</v>
      </c>
      <c r="G153" s="134">
        <v>0.20100000000000001</v>
      </c>
      <c r="H153" s="94">
        <v>7.6469900762182247E-3</v>
      </c>
      <c r="I153" s="134">
        <v>0.33300000000000002</v>
      </c>
      <c r="J153" s="94">
        <v>8.9915802829965766E-3</v>
      </c>
      <c r="K153" s="134">
        <v>9.5000000000000001E-2</v>
      </c>
      <c r="L153" s="94">
        <v>5.5978150464278675E-3</v>
      </c>
      <c r="M153" s="133">
        <v>11034</v>
      </c>
      <c r="N153" s="84">
        <v>4.9800000000000004</v>
      </c>
      <c r="O153" s="85">
        <v>3.9199999999999999E-2</v>
      </c>
      <c r="P153" s="134">
        <v>0.38100000000000001</v>
      </c>
      <c r="Q153" s="94">
        <v>9.244896666070538E-3</v>
      </c>
      <c r="R153" s="134">
        <v>0.36</v>
      </c>
      <c r="S153" s="94">
        <v>9.1377531917335442E-3</v>
      </c>
      <c r="T153" s="134">
        <v>0.16499999999999998</v>
      </c>
      <c r="U153" s="94">
        <v>7.0680261106335265E-3</v>
      </c>
      <c r="V153" s="134">
        <v>9.4E-2</v>
      </c>
      <c r="W153" s="94">
        <v>5.5592623804324786E-3</v>
      </c>
    </row>
    <row r="154" spans="1:33">
      <c r="A154" s="49" t="s">
        <v>437</v>
      </c>
      <c r="B154" s="135">
        <v>8843</v>
      </c>
      <c r="C154" s="120">
        <v>3.5580334017750359</v>
      </c>
      <c r="D154" s="121">
        <v>3.5205747215694458E-2</v>
      </c>
      <c r="E154" s="136">
        <v>0.44755025397974407</v>
      </c>
      <c r="F154" s="97">
        <v>1.0573078565918758E-2</v>
      </c>
      <c r="G154" s="136">
        <v>0.19560055590521888</v>
      </c>
      <c r="H154" s="97">
        <v>8.4366199320657278E-3</v>
      </c>
      <c r="I154" s="136">
        <v>0.26601356653352071</v>
      </c>
      <c r="J154" s="97">
        <v>9.3968638004405108E-3</v>
      </c>
      <c r="K154" s="136">
        <v>9.0835623581516298E-2</v>
      </c>
      <c r="L154" s="97">
        <v>6.1161607456334324E-3</v>
      </c>
      <c r="M154" s="135">
        <v>8886</v>
      </c>
      <c r="N154" s="120">
        <v>5.1718082437059056</v>
      </c>
      <c r="O154" s="121">
        <v>3.4378517326994228E-2</v>
      </c>
      <c r="P154" s="136">
        <v>0.43629160755960167</v>
      </c>
      <c r="Q154" s="97">
        <v>1.0519570755543177E-2</v>
      </c>
      <c r="R154" s="136">
        <v>0.34573865969498879</v>
      </c>
      <c r="S154" s="97">
        <v>1.0089026621869638E-2</v>
      </c>
      <c r="T154" s="136">
        <v>0.13416039792602819</v>
      </c>
      <c r="U154" s="97">
        <v>7.233275132119691E-3</v>
      </c>
      <c r="V154" s="136">
        <v>8.3809334819381284E-2</v>
      </c>
      <c r="W154" s="97">
        <v>5.8838081707965027E-3</v>
      </c>
    </row>
    <row r="155" spans="1:33">
      <c r="A155" s="45" t="s">
        <v>438</v>
      </c>
      <c r="B155" s="83">
        <v>1980</v>
      </c>
      <c r="C155" s="84">
        <v>4.33</v>
      </c>
      <c r="D155" s="85">
        <v>7.8399999999999997E-2</v>
      </c>
      <c r="E155" s="134">
        <v>0.24279999999999999</v>
      </c>
      <c r="F155" s="94">
        <v>1.9266521627966812E-2</v>
      </c>
      <c r="G155" s="134">
        <v>0.20399999999999999</v>
      </c>
      <c r="H155" s="94">
        <v>1.8113493799576698E-2</v>
      </c>
      <c r="I155" s="134">
        <v>0.43930000000000002</v>
      </c>
      <c r="J155" s="94">
        <v>2.2285281552332042E-2</v>
      </c>
      <c r="K155" s="134">
        <v>0.1139</v>
      </c>
      <c r="L155" s="94">
        <v>1.430706497763082E-2</v>
      </c>
      <c r="M155" s="83">
        <v>1986</v>
      </c>
      <c r="N155" s="84">
        <v>4.63</v>
      </c>
      <c r="O155" s="85">
        <v>7.8399999999999997E-2</v>
      </c>
      <c r="P155" s="134">
        <v>0.2752</v>
      </c>
      <c r="Q155" s="94">
        <v>2.0033535289778068E-2</v>
      </c>
      <c r="R155" s="134">
        <v>0.39749999999999996</v>
      </c>
      <c r="S155" s="94">
        <v>2.1942636210911051E-2</v>
      </c>
      <c r="T155" s="134">
        <v>0.20550000000000002</v>
      </c>
      <c r="U155" s="94">
        <v>1.8135063563790521E-2</v>
      </c>
      <c r="V155" s="134">
        <v>0.12189999999999999</v>
      </c>
      <c r="W155" s="94">
        <v>1.4707501548837085E-2</v>
      </c>
    </row>
    <row r="156" spans="1:33">
      <c r="A156" s="49" t="s">
        <v>439</v>
      </c>
      <c r="B156" s="135">
        <v>3915</v>
      </c>
      <c r="C156" s="120">
        <v>3.77</v>
      </c>
      <c r="D156" s="121">
        <v>5.8799999999999998E-2</v>
      </c>
      <c r="E156" s="136">
        <v>0.38100000000000001</v>
      </c>
      <c r="F156" s="97">
        <v>1.5515893048682176E-2</v>
      </c>
      <c r="G156" s="136">
        <v>0.20100000000000001</v>
      </c>
      <c r="H156" s="97">
        <v>1.2810328683965038E-2</v>
      </c>
      <c r="I156" s="136">
        <v>0.30599999999999999</v>
      </c>
      <c r="J156" s="97">
        <v>1.4725203870997986E-2</v>
      </c>
      <c r="K156" s="136">
        <v>0.112</v>
      </c>
      <c r="L156" s="97">
        <v>1.009084301486138E-2</v>
      </c>
      <c r="M156" s="135">
        <v>3935</v>
      </c>
      <c r="N156" s="120">
        <v>5.04</v>
      </c>
      <c r="O156" s="121">
        <v>5.8799999999999998E-2</v>
      </c>
      <c r="P156" s="136">
        <v>0.38600000000000001</v>
      </c>
      <c r="Q156" s="97">
        <v>1.5514543901446402E-2</v>
      </c>
      <c r="R156" s="136">
        <v>0.35499999999999998</v>
      </c>
      <c r="S156" s="97">
        <v>1.5250058519757064E-2</v>
      </c>
      <c r="T156" s="136">
        <v>0.15</v>
      </c>
      <c r="U156" s="97">
        <v>1.138977631944315E-2</v>
      </c>
      <c r="V156" s="136">
        <v>0.109</v>
      </c>
      <c r="W156" s="97">
        <v>9.9467656128322014E-3</v>
      </c>
    </row>
    <row r="157" spans="1:33">
      <c r="A157" s="45" t="s">
        <v>440</v>
      </c>
      <c r="B157" s="83">
        <v>3279</v>
      </c>
      <c r="C157" s="84">
        <v>3.54</v>
      </c>
      <c r="D157" s="85">
        <v>5.8799999999999998E-2</v>
      </c>
      <c r="E157" s="134">
        <v>0.436</v>
      </c>
      <c r="F157" s="94">
        <v>1.730956521302501E-2</v>
      </c>
      <c r="G157" s="134">
        <v>0.19900000000000001</v>
      </c>
      <c r="H157" s="94">
        <v>1.3945616561803984E-2</v>
      </c>
      <c r="I157" s="134">
        <v>0.254</v>
      </c>
      <c r="J157" s="94">
        <v>1.5200212227696276E-2</v>
      </c>
      <c r="K157" s="134">
        <v>0.11</v>
      </c>
      <c r="L157" s="94">
        <v>1.0942232543060952E-2</v>
      </c>
      <c r="M157" s="83">
        <v>3296</v>
      </c>
      <c r="N157" s="84">
        <v>5.22</v>
      </c>
      <c r="O157" s="85">
        <v>5.8799999999999998E-2</v>
      </c>
      <c r="P157" s="134">
        <v>0.433</v>
      </c>
      <c r="Q157" s="94">
        <v>1.7251152823272994E-2</v>
      </c>
      <c r="R157" s="134">
        <v>0.35099999999999998</v>
      </c>
      <c r="S157" s="94">
        <v>1.6618820582719459E-2</v>
      </c>
      <c r="T157" s="134">
        <v>0.12</v>
      </c>
      <c r="U157" s="94">
        <v>1.1332433927669331E-2</v>
      </c>
      <c r="V157" s="134">
        <v>9.5000000000000001E-2</v>
      </c>
      <c r="W157" s="94">
        <v>1.0231999441555938E-2</v>
      </c>
    </row>
    <row r="158" spans="1:33">
      <c r="A158" s="49" t="s">
        <v>455</v>
      </c>
      <c r="B158" s="135">
        <v>576</v>
      </c>
      <c r="C158" s="120">
        <v>3.61</v>
      </c>
      <c r="D158" s="121">
        <v>0.13720000000000002</v>
      </c>
      <c r="E158" s="136">
        <v>0.375</v>
      </c>
      <c r="F158" s="97">
        <v>4.0222636796784658E-2</v>
      </c>
      <c r="G158" s="136">
        <v>0.24099999999999999</v>
      </c>
      <c r="H158" s="97">
        <v>3.5607153934174185E-2</v>
      </c>
      <c r="I158" s="136">
        <v>0.23200000000000001</v>
      </c>
      <c r="J158" s="97">
        <v>3.5151225979346438E-2</v>
      </c>
      <c r="K158" s="136">
        <v>0.151</v>
      </c>
      <c r="L158" s="97">
        <v>2.9927869682598036E-2</v>
      </c>
      <c r="M158" s="135">
        <v>578</v>
      </c>
      <c r="N158" s="120">
        <v>5.09</v>
      </c>
      <c r="O158" s="121">
        <v>0.13720000000000002</v>
      </c>
      <c r="P158" s="136">
        <v>0.35599999999999998</v>
      </c>
      <c r="Q158" s="97">
        <v>3.9719640457541422E-2</v>
      </c>
      <c r="R158" s="136">
        <v>0.39100000000000001</v>
      </c>
      <c r="S158" s="97">
        <v>4.046820070203002E-2</v>
      </c>
      <c r="T158" s="136">
        <v>0.13600000000000001</v>
      </c>
      <c r="U158" s="97">
        <v>2.8636721224840015E-2</v>
      </c>
      <c r="V158" s="136">
        <v>0.11700000000000001</v>
      </c>
      <c r="W158" s="97">
        <v>2.6904491203488864E-2</v>
      </c>
    </row>
    <row r="159" spans="1:33">
      <c r="A159" s="45" t="s">
        <v>441</v>
      </c>
      <c r="B159" s="83">
        <v>117</v>
      </c>
      <c r="C159" s="84">
        <v>3.47</v>
      </c>
      <c r="D159" s="85">
        <v>0.29399999999999998</v>
      </c>
      <c r="E159" s="134">
        <v>0.433</v>
      </c>
      <c r="F159" s="94">
        <v>9.0142749549167289E-2</v>
      </c>
      <c r="G159" s="134">
        <v>0.185</v>
      </c>
      <c r="H159" s="94">
        <v>7.2094266885538549E-2</v>
      </c>
      <c r="I159" s="134">
        <v>0.23499999999999999</v>
      </c>
      <c r="J159" s="94">
        <v>7.8063595988591097E-2</v>
      </c>
      <c r="K159" s="134">
        <v>0.14699999999999999</v>
      </c>
      <c r="L159" s="94">
        <v>6.643046104355485E-2</v>
      </c>
      <c r="M159" s="83">
        <v>116</v>
      </c>
      <c r="N159" s="84">
        <v>4.93</v>
      </c>
      <c r="O159" s="85">
        <v>0.29399999999999998</v>
      </c>
      <c r="P159" s="134">
        <v>0.315</v>
      </c>
      <c r="Q159" s="94">
        <v>8.5248389796892726E-2</v>
      </c>
      <c r="R159" s="134">
        <v>0.39400000000000002</v>
      </c>
      <c r="S159" s="94">
        <v>8.9349609628362345E-2</v>
      </c>
      <c r="T159" s="134">
        <v>0.15899999999999997</v>
      </c>
      <c r="U159" s="94">
        <v>6.8639606048683854E-2</v>
      </c>
      <c r="V159" s="134">
        <v>0.13200000000000001</v>
      </c>
      <c r="W159" s="94">
        <v>6.4149251893677761E-2</v>
      </c>
    </row>
    <row r="160" spans="1:33">
      <c r="A160" s="49" t="s">
        <v>442</v>
      </c>
      <c r="B160" s="135">
        <v>174</v>
      </c>
      <c r="C160" s="120">
        <v>3.74</v>
      </c>
      <c r="D160" s="121">
        <v>0.23519999999999999</v>
      </c>
      <c r="E160" s="136">
        <v>0.36299999999999999</v>
      </c>
      <c r="F160" s="97">
        <v>7.2214579197452361E-2</v>
      </c>
      <c r="G160" s="136">
        <v>0.23699999999999999</v>
      </c>
      <c r="H160" s="97">
        <v>6.428601638587135E-2</v>
      </c>
      <c r="I160" s="136">
        <v>0.33600000000000002</v>
      </c>
      <c r="J160" s="97">
        <v>7.0996000340784321E-2</v>
      </c>
      <c r="K160" s="136">
        <v>6.5000000000000002E-2</v>
      </c>
      <c r="L160" s="97">
        <v>3.9429623912972327E-2</v>
      </c>
      <c r="M160" s="135">
        <v>174</v>
      </c>
      <c r="N160" s="120">
        <v>5</v>
      </c>
      <c r="O160" s="121">
        <v>0.25480000000000003</v>
      </c>
      <c r="P160" s="136">
        <v>0.33900000000000002</v>
      </c>
      <c r="Q160" s="97">
        <v>7.1143295656818636E-2</v>
      </c>
      <c r="R160" s="136">
        <v>0.44</v>
      </c>
      <c r="S160" s="97">
        <v>7.4435701806207899E-2</v>
      </c>
      <c r="T160" s="136">
        <v>0.14899999999999999</v>
      </c>
      <c r="U160" s="97">
        <v>5.4520155787086903E-2</v>
      </c>
      <c r="V160" s="136">
        <v>7.0999999999999994E-2</v>
      </c>
      <c r="W160" s="97">
        <v>4.0816819443665456E-2</v>
      </c>
    </row>
    <row r="161" spans="1:23">
      <c r="A161" s="45" t="s">
        <v>443</v>
      </c>
      <c r="B161" s="83">
        <v>134</v>
      </c>
      <c r="C161" s="84">
        <v>3.46</v>
      </c>
      <c r="D161" s="85">
        <v>0.27440000000000003</v>
      </c>
      <c r="E161" s="134">
        <v>0.42799999999999999</v>
      </c>
      <c r="F161" s="94">
        <v>8.4289385298266462E-2</v>
      </c>
      <c r="G161" s="134">
        <v>0.28499999999999998</v>
      </c>
      <c r="H161" s="94">
        <v>7.7350299319472862E-2</v>
      </c>
      <c r="I161" s="134">
        <v>0.17599999999999999</v>
      </c>
      <c r="J161" s="94">
        <v>6.6162156664469826E-2</v>
      </c>
      <c r="K161" s="134">
        <v>0.11</v>
      </c>
      <c r="L161" s="94">
        <v>5.5583754019112794E-2</v>
      </c>
      <c r="M161" s="83">
        <v>136</v>
      </c>
      <c r="N161" s="84">
        <v>5.43</v>
      </c>
      <c r="O161" s="85">
        <v>0.25480000000000003</v>
      </c>
      <c r="P161" s="134">
        <v>0.49299999999999999</v>
      </c>
      <c r="Q161" s="94">
        <v>8.4507609124859287E-2</v>
      </c>
      <c r="R161" s="134">
        <v>0.32099999999999995</v>
      </c>
      <c r="S161" s="94">
        <v>7.9239917496053344E-2</v>
      </c>
      <c r="T161" s="134">
        <v>9.6000000000000002E-2</v>
      </c>
      <c r="U161" s="94">
        <v>5.2366126188707736E-2</v>
      </c>
      <c r="V161" s="134">
        <v>0.09</v>
      </c>
      <c r="W161" s="94">
        <v>5.1093329113333204E-2</v>
      </c>
    </row>
    <row r="162" spans="1:23">
      <c r="A162" s="49" t="s">
        <v>444</v>
      </c>
      <c r="B162" s="135">
        <v>151</v>
      </c>
      <c r="C162" s="120">
        <v>3.62</v>
      </c>
      <c r="D162" s="121">
        <v>0.25480000000000003</v>
      </c>
      <c r="E162" s="136">
        <v>0.32500000000000001</v>
      </c>
      <c r="F162" s="97">
        <v>7.5508640777041142E-2</v>
      </c>
      <c r="G162" s="136">
        <v>0.25</v>
      </c>
      <c r="H162" s="97">
        <v>7.0148999605229204E-2</v>
      </c>
      <c r="I162" s="136">
        <v>0.16500000000000001</v>
      </c>
      <c r="J162" s="97">
        <v>6.0852549288085298E-2</v>
      </c>
      <c r="K162" s="136">
        <v>0.26</v>
      </c>
      <c r="L162" s="97">
        <v>7.0999235467793437E-2</v>
      </c>
      <c r="M162" s="135">
        <v>152</v>
      </c>
      <c r="N162" s="120">
        <v>5.05</v>
      </c>
      <c r="O162" s="121">
        <v>0.29399999999999998</v>
      </c>
      <c r="P162" s="136">
        <v>0.316</v>
      </c>
      <c r="Q162" s="97">
        <v>7.4740224656781387E-2</v>
      </c>
      <c r="R162" s="136">
        <v>0.38100000000000001</v>
      </c>
      <c r="S162" s="97">
        <v>7.7881549575349734E-2</v>
      </c>
      <c r="T162" s="136">
        <v>0.13600000000000001</v>
      </c>
      <c r="U162" s="97">
        <v>5.6435021758759703E-2</v>
      </c>
      <c r="V162" s="136">
        <v>0.16800000000000001</v>
      </c>
      <c r="W162" s="97">
        <v>6.1049799913032186E-2</v>
      </c>
    </row>
    <row r="163" spans="1:23">
      <c r="A163" s="45" t="s">
        <v>456</v>
      </c>
      <c r="B163" s="133">
        <v>528</v>
      </c>
      <c r="C163" s="117">
        <v>3.42</v>
      </c>
      <c r="D163" s="118">
        <v>0.13720000000000002</v>
      </c>
      <c r="E163" s="134">
        <v>0.46300000000000002</v>
      </c>
      <c r="F163" s="94">
        <v>4.3238411379203784E-2</v>
      </c>
      <c r="G163" s="134">
        <v>0.219</v>
      </c>
      <c r="H163" s="94">
        <v>3.5984741922250332E-2</v>
      </c>
      <c r="I163" s="134">
        <v>0.22600000000000001</v>
      </c>
      <c r="J163" s="94">
        <v>3.6382338748772086E-2</v>
      </c>
      <c r="K163" s="134">
        <v>9.2999999999999999E-2</v>
      </c>
      <c r="L163" s="94">
        <v>2.5551451540612488E-2</v>
      </c>
      <c r="M163" s="133">
        <v>530</v>
      </c>
      <c r="N163" s="117">
        <v>5.18</v>
      </c>
      <c r="O163" s="118">
        <v>0.13720000000000002</v>
      </c>
      <c r="P163" s="134">
        <v>0.41599999999999998</v>
      </c>
      <c r="Q163" s="94">
        <v>4.2668420372043325E-2</v>
      </c>
      <c r="R163" s="134">
        <v>0.36</v>
      </c>
      <c r="S163" s="94">
        <v>4.1569627814408025E-2</v>
      </c>
      <c r="T163" s="134">
        <v>0.122</v>
      </c>
      <c r="U163" s="94">
        <v>2.8606665772029624E-2</v>
      </c>
      <c r="V163" s="134">
        <v>0.10100000000000001</v>
      </c>
      <c r="W163" s="94">
        <v>2.6418569822017526E-2</v>
      </c>
    </row>
    <row r="164" spans="1:23" ht="25.5">
      <c r="A164" s="49" t="s">
        <v>445</v>
      </c>
      <c r="B164" s="135">
        <v>175</v>
      </c>
      <c r="C164" s="120">
        <v>3.51</v>
      </c>
      <c r="D164" s="121">
        <v>0.23519999999999999</v>
      </c>
      <c r="E164" s="136">
        <v>0.5</v>
      </c>
      <c r="F164" s="97">
        <v>7.474350927519359E-2</v>
      </c>
      <c r="G164" s="136">
        <v>0.17799999999999999</v>
      </c>
      <c r="H164" s="97">
        <v>5.8069145092191889E-2</v>
      </c>
      <c r="I164" s="136">
        <v>0.27800000000000002</v>
      </c>
      <c r="J164" s="97">
        <v>6.7334573022366187E-2</v>
      </c>
      <c r="K164" s="136">
        <v>4.4999999999999998E-2</v>
      </c>
      <c r="L164" s="97">
        <v>3.412894835149545E-2</v>
      </c>
      <c r="M164" s="135">
        <v>174</v>
      </c>
      <c r="N164" s="120">
        <v>5.25</v>
      </c>
      <c r="O164" s="121">
        <v>0.23519999999999999</v>
      </c>
      <c r="P164" s="136">
        <v>0.47399999999999998</v>
      </c>
      <c r="Q164" s="97">
        <v>7.4856272867894313E-2</v>
      </c>
      <c r="R164" s="136">
        <v>0.36</v>
      </c>
      <c r="S164" s="97">
        <v>7.2090922792876933E-2</v>
      </c>
      <c r="T164" s="136">
        <v>0.13300000000000001</v>
      </c>
      <c r="U164" s="97">
        <v>5.2208833477618892E-2</v>
      </c>
      <c r="V164" s="136">
        <v>3.3000000000000002E-2</v>
      </c>
      <c r="W164" s="97">
        <v>3.057597674717746E-2</v>
      </c>
    </row>
    <row r="165" spans="1:23">
      <c r="A165" s="45" t="s">
        <v>446</v>
      </c>
      <c r="B165" s="83">
        <v>122</v>
      </c>
      <c r="C165" s="84">
        <v>3.8</v>
      </c>
      <c r="D165" s="85">
        <v>0.27440000000000003</v>
      </c>
      <c r="E165" s="134">
        <v>0.29199999999999998</v>
      </c>
      <c r="F165" s="94">
        <v>8.1540586587017766E-2</v>
      </c>
      <c r="G165" s="134">
        <v>0.33800000000000002</v>
      </c>
      <c r="H165" s="94">
        <v>8.4589735715410425E-2</v>
      </c>
      <c r="I165" s="134">
        <v>0.252</v>
      </c>
      <c r="J165" s="94">
        <v>7.8140904779840092E-2</v>
      </c>
      <c r="K165" s="134">
        <v>0.11799999999999999</v>
      </c>
      <c r="L165" s="94">
        <v>5.9945465197511184E-2</v>
      </c>
      <c r="M165" s="83">
        <v>122</v>
      </c>
      <c r="N165" s="84">
        <v>4.62</v>
      </c>
      <c r="O165" s="85">
        <v>0.29399999999999998</v>
      </c>
      <c r="P165" s="134">
        <v>0.20499999999999999</v>
      </c>
      <c r="Q165" s="94">
        <v>7.311931803758831E-2</v>
      </c>
      <c r="R165" s="134">
        <v>0.46500000000000002</v>
      </c>
      <c r="S165" s="94">
        <v>8.8882219767452544E-2</v>
      </c>
      <c r="T165" s="134">
        <v>0.157</v>
      </c>
      <c r="U165" s="94">
        <v>6.6595726512528791E-2</v>
      </c>
      <c r="V165" s="134">
        <v>0.17299999999999999</v>
      </c>
      <c r="W165" s="94">
        <v>6.8949574094200591E-2</v>
      </c>
    </row>
    <row r="166" spans="1:23">
      <c r="A166" s="49" t="s">
        <v>447</v>
      </c>
      <c r="B166" s="135">
        <v>97</v>
      </c>
      <c r="C166" s="120">
        <v>3.22</v>
      </c>
      <c r="D166" s="121">
        <v>0.3332</v>
      </c>
      <c r="E166" s="136">
        <v>0.46200000000000002</v>
      </c>
      <c r="F166" s="97">
        <v>9.9238309307061498E-2</v>
      </c>
      <c r="G166" s="136">
        <v>0.20399999999999999</v>
      </c>
      <c r="H166" s="97">
        <v>8.1856299538815708E-2</v>
      </c>
      <c r="I166" s="136">
        <v>0.14299999999999999</v>
      </c>
      <c r="J166" s="97">
        <v>7.2425057174550861E-2</v>
      </c>
      <c r="K166" s="136">
        <v>0.191</v>
      </c>
      <c r="L166" s="97">
        <v>8.0082158814483023E-2</v>
      </c>
      <c r="M166" s="135">
        <v>98</v>
      </c>
      <c r="N166" s="120">
        <v>5.21</v>
      </c>
      <c r="O166" s="121">
        <v>0.31359999999999999</v>
      </c>
      <c r="P166" s="136">
        <v>0.432</v>
      </c>
      <c r="Q166" s="97">
        <v>9.8165837185927085E-2</v>
      </c>
      <c r="R166" s="136">
        <v>0.29900000000000004</v>
      </c>
      <c r="S166" s="97">
        <v>9.1331238217231533E-2</v>
      </c>
      <c r="T166" s="136">
        <v>0.10100000000000001</v>
      </c>
      <c r="U166" s="97">
        <v>6.3567324967960803E-2</v>
      </c>
      <c r="V166" s="136">
        <v>0.16800000000000001</v>
      </c>
      <c r="W166" s="97">
        <v>7.6248178228177005E-2</v>
      </c>
    </row>
    <row r="167" spans="1:23" ht="25.5">
      <c r="A167" s="57" t="s">
        <v>448</v>
      </c>
      <c r="B167" s="133">
        <v>134</v>
      </c>
      <c r="C167" s="117">
        <v>2.87</v>
      </c>
      <c r="D167" s="118">
        <v>0.27440000000000003</v>
      </c>
      <c r="E167" s="134">
        <v>0.70699999999999996</v>
      </c>
      <c r="F167" s="94">
        <v>7.7944424645598184E-2</v>
      </c>
      <c r="G167" s="134">
        <v>9.6000000000000002E-2</v>
      </c>
      <c r="H167" s="94">
        <v>5.2780285517794102E-2</v>
      </c>
      <c r="I167" s="134">
        <v>0.188</v>
      </c>
      <c r="J167" s="94">
        <v>6.7720085846981512E-2</v>
      </c>
      <c r="K167" s="134">
        <v>8.9999999999999993E-3</v>
      </c>
      <c r="L167" s="94">
        <v>2.5646517757290457E-2</v>
      </c>
      <c r="M167" s="133">
        <v>136</v>
      </c>
      <c r="N167" s="117">
        <v>5.87</v>
      </c>
      <c r="O167" s="118">
        <v>0.27440000000000003</v>
      </c>
      <c r="P167" s="134">
        <v>0.67300000000000004</v>
      </c>
      <c r="Q167" s="94">
        <v>7.9598420073102652E-2</v>
      </c>
      <c r="R167" s="134">
        <v>0.245</v>
      </c>
      <c r="S167" s="94">
        <v>7.3414212842135146E-2</v>
      </c>
      <c r="T167" s="134">
        <v>7.3000000000000009E-2</v>
      </c>
      <c r="U167" s="94">
        <v>4.7189877849265212E-2</v>
      </c>
      <c r="V167" s="134">
        <v>8.9999999999999993E-3</v>
      </c>
      <c r="W167" s="94">
        <v>2.5353645174119647E-2</v>
      </c>
    </row>
    <row r="168" spans="1:23">
      <c r="A168" s="49" t="s">
        <v>457</v>
      </c>
      <c r="B168" s="135">
        <v>749</v>
      </c>
      <c r="C168" s="120">
        <v>3.55</v>
      </c>
      <c r="D168" s="121">
        <v>0.1176</v>
      </c>
      <c r="E168" s="136">
        <v>0.44400000000000001</v>
      </c>
      <c r="F168" s="97">
        <v>3.6215177268191914E-2</v>
      </c>
      <c r="G168" s="136">
        <v>0.19500000000000001</v>
      </c>
      <c r="H168" s="97">
        <v>2.8967233254950171E-2</v>
      </c>
      <c r="I168" s="136">
        <v>0.246</v>
      </c>
      <c r="J168" s="97">
        <v>3.1447387156178036E-2</v>
      </c>
      <c r="K168" s="136">
        <v>0.115</v>
      </c>
      <c r="L168" s="97">
        <v>2.3430333564099303E-2</v>
      </c>
      <c r="M168" s="135">
        <v>750</v>
      </c>
      <c r="N168" s="120">
        <v>5.21</v>
      </c>
      <c r="O168" s="121">
        <v>0.1176</v>
      </c>
      <c r="P168" s="136">
        <v>0.44400000000000001</v>
      </c>
      <c r="Q168" s="97">
        <v>3.619115070931269E-2</v>
      </c>
      <c r="R168" s="136">
        <v>0.315</v>
      </c>
      <c r="S168" s="97">
        <v>3.3861722775207687E-2</v>
      </c>
      <c r="T168" s="136">
        <v>0.13600000000000001</v>
      </c>
      <c r="U168" s="97">
        <v>2.5115760025145855E-2</v>
      </c>
      <c r="V168" s="136">
        <v>0.104</v>
      </c>
      <c r="W168" s="97">
        <v>2.2430962980746046E-2</v>
      </c>
    </row>
    <row r="169" spans="1:23">
      <c r="A169" s="57" t="s">
        <v>449</v>
      </c>
      <c r="B169" s="133">
        <v>133</v>
      </c>
      <c r="C169" s="117">
        <v>3.37</v>
      </c>
      <c r="D169" s="118">
        <v>0.29399999999999998</v>
      </c>
      <c r="E169" s="134">
        <v>0.499</v>
      </c>
      <c r="F169" s="94">
        <v>8.5435604732229664E-2</v>
      </c>
      <c r="G169" s="134">
        <v>0.20300000000000001</v>
      </c>
      <c r="H169" s="94">
        <v>6.9799858830936076E-2</v>
      </c>
      <c r="I169" s="134">
        <v>0.23100000000000001</v>
      </c>
      <c r="J169" s="94">
        <v>7.2856778674287914E-2</v>
      </c>
      <c r="K169" s="134">
        <v>6.6000000000000003E-2</v>
      </c>
      <c r="L169" s="94">
        <v>4.6002958573934556E-2</v>
      </c>
      <c r="M169" s="133">
        <v>134</v>
      </c>
      <c r="N169" s="117">
        <v>5.34</v>
      </c>
      <c r="O169" s="118">
        <v>0.29399999999999998</v>
      </c>
      <c r="P169" s="134">
        <v>0.497</v>
      </c>
      <c r="Q169" s="94">
        <v>8.5124208341283591E-2</v>
      </c>
      <c r="R169" s="134">
        <v>0.30499999999999999</v>
      </c>
      <c r="S169" s="94">
        <v>7.8785601707481806E-2</v>
      </c>
      <c r="T169" s="134">
        <v>0.13300000000000001</v>
      </c>
      <c r="U169" s="94">
        <v>5.9710872874516471E-2</v>
      </c>
      <c r="V169" s="134">
        <v>6.5000000000000002E-2</v>
      </c>
      <c r="W169" s="94">
        <v>4.5551558942234768E-2</v>
      </c>
    </row>
    <row r="170" spans="1:23">
      <c r="A170" s="49" t="s">
        <v>450</v>
      </c>
      <c r="B170" s="135">
        <v>108</v>
      </c>
      <c r="C170" s="120">
        <v>4.34</v>
      </c>
      <c r="D170" s="121">
        <v>0.37240000000000001</v>
      </c>
      <c r="E170" s="136">
        <v>0.218</v>
      </c>
      <c r="F170" s="97">
        <v>7.9294850319374527E-2</v>
      </c>
      <c r="G170" s="136">
        <v>0.20799999999999999</v>
      </c>
      <c r="H170" s="97">
        <v>7.8083638905490513E-2</v>
      </c>
      <c r="I170" s="136">
        <v>0.39400000000000002</v>
      </c>
      <c r="J170" s="97">
        <v>9.2495606033846337E-2</v>
      </c>
      <c r="K170" s="136">
        <v>0.18099999999999999</v>
      </c>
      <c r="L170" s="97">
        <v>7.4493011576174356E-2</v>
      </c>
      <c r="M170" s="135">
        <v>108</v>
      </c>
      <c r="N170" s="120">
        <v>4.74</v>
      </c>
      <c r="O170" s="121">
        <v>0.3528</v>
      </c>
      <c r="P170" s="136">
        <v>0.32300000000000001</v>
      </c>
      <c r="Q170" s="97">
        <v>8.8815383411542853E-2</v>
      </c>
      <c r="R170" s="136">
        <v>0.31899999999999995</v>
      </c>
      <c r="S170" s="97">
        <v>8.8547260270348496E-2</v>
      </c>
      <c r="T170" s="136">
        <v>0.184</v>
      </c>
      <c r="U170" s="97">
        <v>7.4916430603333098E-2</v>
      </c>
      <c r="V170" s="136">
        <v>0.17399999999999999</v>
      </c>
      <c r="W170" s="97">
        <v>7.34797315918512E-2</v>
      </c>
    </row>
    <row r="171" spans="1:23" ht="25.5">
      <c r="A171" s="57" t="s">
        <v>451</v>
      </c>
      <c r="B171" s="133">
        <v>189</v>
      </c>
      <c r="C171" s="117">
        <v>3.22</v>
      </c>
      <c r="D171" s="118">
        <v>0.21559999999999999</v>
      </c>
      <c r="E171" s="134">
        <v>0.436</v>
      </c>
      <c r="F171" s="94">
        <v>7.1413852298511604E-2</v>
      </c>
      <c r="G171" s="134">
        <v>0.24</v>
      </c>
      <c r="H171" s="94">
        <v>6.1949843579612751E-2</v>
      </c>
      <c r="I171" s="134">
        <v>0.128</v>
      </c>
      <c r="J171" s="94">
        <v>4.9304527459074848E-2</v>
      </c>
      <c r="K171" s="134">
        <v>0.19500000000000001</v>
      </c>
      <c r="L171" s="94">
        <v>5.7727428207496323E-2</v>
      </c>
      <c r="M171" s="133">
        <v>190</v>
      </c>
      <c r="N171" s="117">
        <v>5.32</v>
      </c>
      <c r="O171" s="118">
        <v>0.23519999999999999</v>
      </c>
      <c r="P171" s="134">
        <v>0.41199999999999998</v>
      </c>
      <c r="Q171" s="94">
        <v>7.0721181597733634E-2</v>
      </c>
      <c r="R171" s="134">
        <v>0.30399999999999999</v>
      </c>
      <c r="S171" s="94">
        <v>6.6293914968700227E-2</v>
      </c>
      <c r="T171" s="134">
        <v>0.10600000000000001</v>
      </c>
      <c r="U171" s="94">
        <v>4.5656604822527973E-2</v>
      </c>
      <c r="V171" s="134">
        <v>0.17899999999999999</v>
      </c>
      <c r="W171" s="94">
        <v>5.5828217398756583E-2</v>
      </c>
    </row>
    <row r="172" spans="1:23">
      <c r="A172" s="49" t="s">
        <v>452</v>
      </c>
      <c r="B172" s="135">
        <v>85</v>
      </c>
      <c r="C172" s="120">
        <v>3.11</v>
      </c>
      <c r="D172" s="121">
        <v>0.3332</v>
      </c>
      <c r="E172" s="136">
        <v>0.54600000000000004</v>
      </c>
      <c r="F172" s="97">
        <v>0.10558982076394155</v>
      </c>
      <c r="G172" s="136">
        <v>0.22800000000000001</v>
      </c>
      <c r="H172" s="97">
        <v>9.0570427853268076E-2</v>
      </c>
      <c r="I172" s="136">
        <v>0.107</v>
      </c>
      <c r="J172" s="97">
        <v>7.0031157556682752E-2</v>
      </c>
      <c r="K172" s="136">
        <v>0.11899999999999999</v>
      </c>
      <c r="L172" s="97">
        <v>7.2698843862726722E-2</v>
      </c>
      <c r="M172" s="135">
        <v>84</v>
      </c>
      <c r="N172" s="120">
        <v>5.27</v>
      </c>
      <c r="O172" s="121">
        <v>0.29399999999999998</v>
      </c>
      <c r="P172" s="136">
        <v>0.52400000000000002</v>
      </c>
      <c r="Q172" s="97">
        <v>0.1064884060171723</v>
      </c>
      <c r="R172" s="136">
        <v>0.27600000000000002</v>
      </c>
      <c r="S172" s="97">
        <v>9.6361484460613434E-2</v>
      </c>
      <c r="T172" s="136">
        <v>0.14200000000000002</v>
      </c>
      <c r="U172" s="97">
        <v>7.7817522878958836E-2</v>
      </c>
      <c r="V172" s="136">
        <v>5.8000000000000003E-2</v>
      </c>
      <c r="W172" s="97">
        <v>5.7204862717757446E-2</v>
      </c>
    </row>
    <row r="173" spans="1:23">
      <c r="A173" s="57" t="s">
        <v>453</v>
      </c>
      <c r="B173" s="133">
        <v>100</v>
      </c>
      <c r="C173" s="117">
        <v>3.42</v>
      </c>
      <c r="D173" s="118">
        <v>0.31359999999999999</v>
      </c>
      <c r="E173" s="134">
        <v>0.53300000000000003</v>
      </c>
      <c r="F173" s="94">
        <v>9.786041045285325E-2</v>
      </c>
      <c r="G173" s="134">
        <v>0.158</v>
      </c>
      <c r="H173" s="94">
        <v>7.3865836565771184E-2</v>
      </c>
      <c r="I173" s="134">
        <v>0.217</v>
      </c>
      <c r="J173" s="94">
        <v>8.2264399594240159E-2</v>
      </c>
      <c r="K173" s="134">
        <v>9.0999999999999998E-2</v>
      </c>
      <c r="L173" s="94">
        <v>6.0554905832570186E-2</v>
      </c>
      <c r="M173" s="133">
        <v>100</v>
      </c>
      <c r="N173" s="117">
        <v>5.28</v>
      </c>
      <c r="O173" s="118">
        <v>0.29399999999999998</v>
      </c>
      <c r="P173" s="134">
        <v>0.47899999999999998</v>
      </c>
      <c r="Q173" s="94">
        <v>9.7978072646983924E-2</v>
      </c>
      <c r="R173" s="134">
        <v>0.32799999999999996</v>
      </c>
      <c r="S173" s="94">
        <v>9.2538542696477558E-2</v>
      </c>
      <c r="T173" s="134">
        <v>0.11399999999999999</v>
      </c>
      <c r="U173" s="94">
        <v>6.5704707267617818E-2</v>
      </c>
      <c r="V173" s="134">
        <v>0.08</v>
      </c>
      <c r="W173" s="94">
        <v>5.7815450431546754E-2</v>
      </c>
    </row>
    <row r="174" spans="1:23">
      <c r="A174" s="49" t="s">
        <v>454</v>
      </c>
      <c r="B174" s="135">
        <v>134</v>
      </c>
      <c r="C174" s="120">
        <v>3.69</v>
      </c>
      <c r="D174" s="121">
        <v>0.27440000000000003</v>
      </c>
      <c r="E174" s="136">
        <v>0.47</v>
      </c>
      <c r="F174" s="97">
        <v>8.4981058037655127E-2</v>
      </c>
      <c r="G174" s="136">
        <v>0.155</v>
      </c>
      <c r="H174" s="97">
        <v>6.3193973295477837E-2</v>
      </c>
      <c r="I174" s="136">
        <v>0.34300000000000003</v>
      </c>
      <c r="J174" s="97">
        <v>8.1072381051249212E-2</v>
      </c>
      <c r="K174" s="136">
        <v>3.2000000000000001E-2</v>
      </c>
      <c r="L174" s="97">
        <v>3.5504246880239156E-2</v>
      </c>
      <c r="M174" s="135">
        <v>134</v>
      </c>
      <c r="N174" s="120">
        <v>5.24</v>
      </c>
      <c r="O174" s="121">
        <v>0.27440000000000003</v>
      </c>
      <c r="P174" s="136">
        <v>0.47899999999999998</v>
      </c>
      <c r="Q174" s="97">
        <v>8.5054832221695104E-2</v>
      </c>
      <c r="R174" s="136">
        <v>0.33199999999999996</v>
      </c>
      <c r="S174" s="97">
        <v>8.0467557824568964E-2</v>
      </c>
      <c r="T174" s="136">
        <v>0.154</v>
      </c>
      <c r="U174" s="97">
        <v>6.3044377611539429E-2</v>
      </c>
      <c r="V174" s="136">
        <v>3.4000000000000002E-2</v>
      </c>
      <c r="W174" s="97">
        <v>3.6216061741616727E-2</v>
      </c>
    </row>
  </sheetData>
  <mergeCells count="21">
    <mergeCell ref="B150:L150"/>
    <mergeCell ref="M150:W150"/>
    <mergeCell ref="A149:W149"/>
    <mergeCell ref="A148:W148"/>
    <mergeCell ref="A119:S119"/>
    <mergeCell ref="A120:S120"/>
    <mergeCell ref="K121:S121"/>
    <mergeCell ref="B121:J121"/>
    <mergeCell ref="B34:H34"/>
    <mergeCell ref="I34:Q34"/>
    <mergeCell ref="A90:D90"/>
    <mergeCell ref="A91:D91"/>
    <mergeCell ref="A92:D92"/>
    <mergeCell ref="B63:H63"/>
    <mergeCell ref="A62:H62"/>
    <mergeCell ref="A61:H61"/>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203"/>
  <sheetViews>
    <sheetView zoomScaleNormal="100" workbookViewId="0">
      <selection activeCell="A178" sqref="A178:J178"/>
    </sheetView>
  </sheetViews>
  <sheetFormatPr defaultColWidth="16.5703125" defaultRowHeight="15"/>
  <cols>
    <col min="1" max="1" width="42.28515625" customWidth="1"/>
  </cols>
  <sheetData>
    <row r="1" spans="1:15" ht="35.25" customHeight="1">
      <c r="A1" s="33" t="s">
        <v>41</v>
      </c>
    </row>
    <row r="3" spans="1:15" ht="18.75">
      <c r="A3" s="321" t="s">
        <v>3</v>
      </c>
      <c r="B3" s="321"/>
      <c r="C3" s="321"/>
      <c r="D3" s="321"/>
      <c r="E3" s="321"/>
      <c r="F3" s="321"/>
      <c r="G3" s="321"/>
      <c r="H3" s="321"/>
      <c r="I3" s="321"/>
      <c r="J3" s="321"/>
      <c r="K3" s="321"/>
      <c r="L3" s="321"/>
      <c r="M3" s="321"/>
      <c r="N3" s="321"/>
      <c r="O3" s="321"/>
    </row>
    <row r="4" spans="1:15" ht="51.75" customHeight="1">
      <c r="A4" s="373" t="s">
        <v>488</v>
      </c>
      <c r="B4" s="373"/>
      <c r="C4" s="373"/>
      <c r="D4" s="373"/>
      <c r="E4" s="373"/>
      <c r="F4" s="373"/>
      <c r="G4" s="373"/>
      <c r="H4" s="373"/>
      <c r="I4" s="373"/>
      <c r="J4" s="373"/>
      <c r="K4" s="373"/>
      <c r="L4" s="373"/>
      <c r="M4" s="373"/>
      <c r="N4" s="373"/>
      <c r="O4" s="373"/>
    </row>
    <row r="5" spans="1:15" ht="34.5" customHeight="1">
      <c r="A5" s="371" t="s">
        <v>135</v>
      </c>
      <c r="B5" s="371"/>
      <c r="C5" s="371"/>
      <c r="D5" s="371"/>
      <c r="E5" s="372" t="s">
        <v>31</v>
      </c>
      <c r="F5" s="372"/>
      <c r="G5" s="372"/>
      <c r="H5" s="372"/>
      <c r="I5" s="372"/>
      <c r="J5" s="372"/>
      <c r="K5" s="372"/>
      <c r="L5" s="372"/>
      <c r="M5" s="372"/>
      <c r="N5" s="372"/>
      <c r="O5" s="372"/>
    </row>
    <row r="6" spans="1:15" ht="39" customHeight="1">
      <c r="A6" s="37" t="s">
        <v>85</v>
      </c>
      <c r="B6" s="38" t="s">
        <v>86</v>
      </c>
      <c r="C6" s="39" t="s">
        <v>87</v>
      </c>
      <c r="D6" s="40" t="s">
        <v>88</v>
      </c>
      <c r="E6" s="65" t="s">
        <v>86</v>
      </c>
      <c r="F6" s="65" t="s">
        <v>363</v>
      </c>
      <c r="G6" s="88" t="s">
        <v>162</v>
      </c>
      <c r="H6" s="65" t="s">
        <v>364</v>
      </c>
      <c r="I6" s="88" t="s">
        <v>223</v>
      </c>
      <c r="J6" s="65" t="s">
        <v>365</v>
      </c>
      <c r="K6" s="88" t="s">
        <v>225</v>
      </c>
      <c r="L6" s="65" t="s">
        <v>366</v>
      </c>
      <c r="M6" s="88" t="s">
        <v>226</v>
      </c>
      <c r="N6" s="65" t="s">
        <v>367</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6</v>
      </c>
      <c r="B8" s="137">
        <v>8917</v>
      </c>
      <c r="C8" s="138">
        <v>3.25</v>
      </c>
      <c r="D8" s="130">
        <v>1.9599999999999999E-2</v>
      </c>
      <c r="E8" s="122">
        <v>8917</v>
      </c>
      <c r="F8" s="139">
        <v>0.05</v>
      </c>
      <c r="G8" s="94">
        <v>4.6237934270870803E-3</v>
      </c>
      <c r="H8" s="140">
        <v>0.182</v>
      </c>
      <c r="I8" s="94">
        <v>8.1727416690349861E-3</v>
      </c>
      <c r="J8" s="140">
        <v>0.33</v>
      </c>
      <c r="K8" s="94">
        <v>9.9573332700060076E-3</v>
      </c>
      <c r="L8" s="140">
        <v>0.33800000000000002</v>
      </c>
      <c r="M8" s="94">
        <v>1.0016901517968137E-2</v>
      </c>
      <c r="N8" s="140">
        <v>9.9000000000000005E-2</v>
      </c>
      <c r="O8" s="94">
        <v>6.3292740295217663E-3</v>
      </c>
    </row>
    <row r="9" spans="1:15">
      <c r="A9" s="49" t="s">
        <v>437</v>
      </c>
      <c r="B9" s="141">
        <v>8330</v>
      </c>
      <c r="C9" s="142">
        <v>3.26</v>
      </c>
      <c r="D9" s="132">
        <v>1.9599999999999999E-2</v>
      </c>
      <c r="E9" s="125">
        <v>8330</v>
      </c>
      <c r="F9" s="143">
        <v>0.05</v>
      </c>
      <c r="G9" s="97">
        <v>4.7845011054731337E-3</v>
      </c>
      <c r="H9" s="144">
        <v>0.182</v>
      </c>
      <c r="I9" s="97">
        <v>8.4558466709438972E-3</v>
      </c>
      <c r="J9" s="144">
        <v>0.33</v>
      </c>
      <c r="K9" s="97">
        <v>1.0302078539466658E-2</v>
      </c>
      <c r="L9" s="144">
        <v>0.33600000000000002</v>
      </c>
      <c r="M9" s="97">
        <v>1.0348610641627292E-2</v>
      </c>
      <c r="N9" s="144">
        <v>0.10100000000000001</v>
      </c>
      <c r="O9" s="97">
        <v>6.6070692504178515E-3</v>
      </c>
    </row>
    <row r="10" spans="1:15">
      <c r="A10" s="45" t="s">
        <v>438</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9</v>
      </c>
      <c r="B11" s="141">
        <v>3439</v>
      </c>
      <c r="C11" s="142">
        <v>3.31</v>
      </c>
      <c r="D11" s="132">
        <v>3.9199999999999999E-2</v>
      </c>
      <c r="E11" s="125">
        <v>3439</v>
      </c>
      <c r="F11" s="143">
        <v>4.3999999999999997E-2</v>
      </c>
      <c r="G11" s="97">
        <v>7.0306469967501275E-3</v>
      </c>
      <c r="H11" s="144">
        <v>0.17699999999999999</v>
      </c>
      <c r="I11" s="97">
        <v>1.301993705051306E-2</v>
      </c>
      <c r="J11" s="144">
        <v>0.317</v>
      </c>
      <c r="K11" s="97">
        <v>1.5862785444209587E-2</v>
      </c>
      <c r="L11" s="144">
        <v>0.34699999999999998</v>
      </c>
      <c r="M11" s="97">
        <v>1.6226875384882187E-2</v>
      </c>
      <c r="N11" s="144">
        <v>0.115</v>
      </c>
      <c r="O11" s="97">
        <v>1.0892189917524435E-2</v>
      </c>
    </row>
    <row r="12" spans="1:15">
      <c r="A12" s="45" t="s">
        <v>440</v>
      </c>
      <c r="B12" s="54">
        <v>3190</v>
      </c>
      <c r="C12" s="55">
        <v>3.31</v>
      </c>
      <c r="D12" s="56">
        <v>3.9199999999999999E-2</v>
      </c>
      <c r="E12" s="83">
        <v>3190</v>
      </c>
      <c r="F12" s="98">
        <v>4.2000000000000003E-2</v>
      </c>
      <c r="G12" s="94">
        <v>7.1447215389969466E-3</v>
      </c>
      <c r="H12" s="98">
        <v>0.17899999999999999</v>
      </c>
      <c r="I12" s="94">
        <v>1.357817527646662E-2</v>
      </c>
      <c r="J12" s="98">
        <v>0.317</v>
      </c>
      <c r="K12" s="94">
        <v>1.6469733811182018E-2</v>
      </c>
      <c r="L12" s="98">
        <v>0.35399999999999998</v>
      </c>
      <c r="M12" s="94">
        <v>1.692509397625707E-2</v>
      </c>
      <c r="N12" s="98">
        <v>0.109</v>
      </c>
      <c r="O12" s="94">
        <v>1.1050160619624281E-2</v>
      </c>
    </row>
    <row r="13" spans="1:15">
      <c r="A13" s="49" t="s">
        <v>455</v>
      </c>
      <c r="B13" s="141">
        <v>544</v>
      </c>
      <c r="C13" s="142">
        <v>3.36</v>
      </c>
      <c r="D13" s="132">
        <v>7.8399999999999997E-2</v>
      </c>
      <c r="E13" s="125">
        <v>544</v>
      </c>
      <c r="F13" s="143">
        <v>4.8000000000000001E-2</v>
      </c>
      <c r="G13" s="97">
        <v>1.8847767968487618E-2</v>
      </c>
      <c r="H13" s="144">
        <v>0.16500000000000001</v>
      </c>
      <c r="I13" s="97">
        <v>3.1899401853938199E-2</v>
      </c>
      <c r="J13" s="144">
        <v>0.27800000000000002</v>
      </c>
      <c r="K13" s="97">
        <v>3.8344657564611723E-2</v>
      </c>
      <c r="L13" s="144">
        <v>0.39900000000000002</v>
      </c>
      <c r="M13" s="97">
        <v>4.1850217469321792E-2</v>
      </c>
      <c r="N13" s="144">
        <v>0.109</v>
      </c>
      <c r="O13" s="97">
        <v>2.6928222247426328E-2</v>
      </c>
    </row>
    <row r="14" spans="1:15">
      <c r="A14" s="45" t="s">
        <v>441</v>
      </c>
      <c r="B14" s="54">
        <v>112</v>
      </c>
      <c r="C14" s="55">
        <v>3.41</v>
      </c>
      <c r="D14" s="56">
        <v>0.19600000000000001</v>
      </c>
      <c r="E14" s="83">
        <v>112</v>
      </c>
      <c r="F14" s="98">
        <v>4.3999999999999997E-2</v>
      </c>
      <c r="G14" s="94">
        <v>4.4005158506165307E-2</v>
      </c>
      <c r="H14" s="98">
        <v>0.16800000000000001</v>
      </c>
      <c r="I14" s="94">
        <v>7.1256358978714601E-2</v>
      </c>
      <c r="J14" s="98">
        <v>0.33500000000000002</v>
      </c>
      <c r="K14" s="94">
        <v>8.8008662197284357E-2</v>
      </c>
      <c r="L14" s="98">
        <v>0.24299999999999999</v>
      </c>
      <c r="M14" s="94">
        <v>8.060708601989125E-2</v>
      </c>
      <c r="N14" s="98">
        <v>0.21</v>
      </c>
      <c r="O14" s="94">
        <v>7.6923607425226387E-2</v>
      </c>
    </row>
    <row r="15" spans="1:15">
      <c r="A15" s="49" t="s">
        <v>442</v>
      </c>
      <c r="B15" s="141">
        <v>166</v>
      </c>
      <c r="C15" s="142">
        <v>3.26</v>
      </c>
      <c r="D15" s="132">
        <v>0.15679999999999999</v>
      </c>
      <c r="E15" s="125">
        <v>166</v>
      </c>
      <c r="F15" s="143">
        <v>5.0999999999999997E-2</v>
      </c>
      <c r="G15" s="97">
        <v>3.6870039765122327E-2</v>
      </c>
      <c r="H15" s="144">
        <v>0.224</v>
      </c>
      <c r="I15" s="97">
        <v>6.4601325678833019E-2</v>
      </c>
      <c r="J15" s="144">
        <v>0.222</v>
      </c>
      <c r="K15" s="97">
        <v>6.4408641570015815E-2</v>
      </c>
      <c r="L15" s="144">
        <v>0.42</v>
      </c>
      <c r="M15" s="97">
        <v>7.5754655569300597E-2</v>
      </c>
      <c r="N15" s="144">
        <v>8.2000000000000003E-2</v>
      </c>
      <c r="O15" s="97">
        <v>4.429887075229752E-2</v>
      </c>
    </row>
    <row r="16" spans="1:15">
      <c r="A16" s="45" t="s">
        <v>443</v>
      </c>
      <c r="B16" s="54">
        <v>132</v>
      </c>
      <c r="C16" s="55">
        <v>3.33</v>
      </c>
      <c r="D16" s="56">
        <v>0.15679999999999999</v>
      </c>
      <c r="E16" s="83">
        <v>132</v>
      </c>
      <c r="F16" s="98">
        <v>5.2999999999999999E-2</v>
      </c>
      <c r="G16" s="94">
        <v>4.2624083717088292E-2</v>
      </c>
      <c r="H16" s="98">
        <v>0.16200000000000001</v>
      </c>
      <c r="I16" s="94">
        <v>6.4711442824938181E-2</v>
      </c>
      <c r="J16" s="98">
        <v>0.26100000000000001</v>
      </c>
      <c r="K16" s="94">
        <v>7.5962383530149433E-2</v>
      </c>
      <c r="L16" s="98">
        <v>0.45100000000000001</v>
      </c>
      <c r="M16" s="94">
        <v>8.536050855472066E-2</v>
      </c>
      <c r="N16" s="98">
        <v>7.1999999999999995E-2</v>
      </c>
      <c r="O16" s="94">
        <v>4.7722563951615372E-2</v>
      </c>
    </row>
    <row r="17" spans="1:19">
      <c r="A17" s="49" t="s">
        <v>444</v>
      </c>
      <c r="B17" s="141">
        <v>134</v>
      </c>
      <c r="C17" s="142">
        <v>3.44</v>
      </c>
      <c r="D17" s="132">
        <v>0.15679999999999999</v>
      </c>
      <c r="E17" s="125">
        <v>134</v>
      </c>
      <c r="F17" s="143">
        <v>4.3999999999999997E-2</v>
      </c>
      <c r="G17" s="97">
        <v>3.9542148284053273E-2</v>
      </c>
      <c r="H17" s="144">
        <v>0.107</v>
      </c>
      <c r="I17" s="97">
        <v>5.5003241907787263E-2</v>
      </c>
      <c r="J17" s="144">
        <v>0.314</v>
      </c>
      <c r="K17" s="97">
        <v>7.937810800576256E-2</v>
      </c>
      <c r="L17" s="144">
        <v>0.43099999999999999</v>
      </c>
      <c r="M17" s="97">
        <v>8.4357933056501674E-2</v>
      </c>
      <c r="N17" s="144">
        <v>0.104</v>
      </c>
      <c r="O17" s="97">
        <v>5.4412017038040369E-2</v>
      </c>
    </row>
    <row r="18" spans="1:19">
      <c r="A18" s="45" t="s">
        <v>456</v>
      </c>
      <c r="B18" s="137">
        <v>507</v>
      </c>
      <c r="C18" s="138">
        <v>3.3</v>
      </c>
      <c r="D18" s="130">
        <v>9.8000000000000004E-2</v>
      </c>
      <c r="E18" s="122">
        <v>507</v>
      </c>
      <c r="F18" s="139">
        <v>4.2999999999999997E-2</v>
      </c>
      <c r="G18" s="94">
        <v>1.8644444216321967E-2</v>
      </c>
      <c r="H18" s="140">
        <v>0.19400000000000001</v>
      </c>
      <c r="I18" s="94">
        <v>3.5148462110200146E-2</v>
      </c>
      <c r="J18" s="140">
        <v>0.311</v>
      </c>
      <c r="K18" s="94">
        <v>4.1008427762360543E-2</v>
      </c>
      <c r="L18" s="140">
        <v>0.32</v>
      </c>
      <c r="M18" s="94">
        <v>4.1319267210373434E-2</v>
      </c>
      <c r="N18" s="140">
        <v>0.13200000000000001</v>
      </c>
      <c r="O18" s="94">
        <v>3.0222636750532963E-2</v>
      </c>
    </row>
    <row r="19" spans="1:19" ht="25.5">
      <c r="A19" s="49" t="s">
        <v>445</v>
      </c>
      <c r="B19" s="141">
        <v>169</v>
      </c>
      <c r="C19" s="142">
        <v>3.3</v>
      </c>
      <c r="D19" s="132">
        <v>0.1764</v>
      </c>
      <c r="E19" s="125">
        <v>169</v>
      </c>
      <c r="F19" s="143">
        <v>6.4000000000000001E-2</v>
      </c>
      <c r="G19" s="97">
        <v>3.9824163062822195E-2</v>
      </c>
      <c r="H19" s="144">
        <v>0.22600000000000001</v>
      </c>
      <c r="I19" s="97">
        <v>6.4217042922257633E-2</v>
      </c>
      <c r="J19" s="144">
        <v>0.24099999999999999</v>
      </c>
      <c r="K19" s="97">
        <v>6.5576174680086682E-2</v>
      </c>
      <c r="L19" s="144">
        <v>0.28499999999999998</v>
      </c>
      <c r="M19" s="97">
        <v>6.89957459418062E-2</v>
      </c>
      <c r="N19" s="144">
        <v>0.184</v>
      </c>
      <c r="O19" s="97">
        <v>5.980860332574215E-2</v>
      </c>
    </row>
    <row r="20" spans="1:19">
      <c r="A20" s="45" t="s">
        <v>446</v>
      </c>
      <c r="B20" s="54">
        <v>113</v>
      </c>
      <c r="C20" s="55">
        <v>3.44</v>
      </c>
      <c r="D20" s="56">
        <v>0.15679999999999999</v>
      </c>
      <c r="E20" s="83">
        <v>113</v>
      </c>
      <c r="F20" s="98">
        <v>6.0000000000000001E-3</v>
      </c>
      <c r="G20" s="94">
        <v>2.7651671966463232E-2</v>
      </c>
      <c r="H20" s="98">
        <v>0.104</v>
      </c>
      <c r="I20" s="94">
        <v>5.9549066631402532E-2</v>
      </c>
      <c r="J20" s="98">
        <v>0.42</v>
      </c>
      <c r="K20" s="94">
        <v>9.1339533081520805E-2</v>
      </c>
      <c r="L20" s="98">
        <v>0.38600000000000001</v>
      </c>
      <c r="M20" s="94">
        <v>9.0180716072705974E-2</v>
      </c>
      <c r="N20" s="98">
        <v>8.4000000000000005E-2</v>
      </c>
      <c r="O20" s="94">
        <v>5.5029010929651893E-2</v>
      </c>
    </row>
    <row r="21" spans="1:19">
      <c r="A21" s="49" t="s">
        <v>447</v>
      </c>
      <c r="B21" s="141">
        <v>94</v>
      </c>
      <c r="C21" s="142">
        <v>3.21</v>
      </c>
      <c r="D21" s="132">
        <v>0.21559999999999999</v>
      </c>
      <c r="E21" s="125">
        <v>94</v>
      </c>
      <c r="F21" s="143">
        <v>5.8000000000000003E-2</v>
      </c>
      <c r="G21" s="97">
        <v>5.355089533309923E-2</v>
      </c>
      <c r="H21" s="144">
        <v>0.222</v>
      </c>
      <c r="I21" s="97">
        <v>8.5451058898780158E-2</v>
      </c>
      <c r="J21" s="144">
        <v>0.34</v>
      </c>
      <c r="K21" s="97">
        <v>9.6139173570290989E-2</v>
      </c>
      <c r="L21" s="144">
        <v>0.21199999999999999</v>
      </c>
      <c r="M21" s="97">
        <v>8.41982006573751E-2</v>
      </c>
      <c r="N21" s="144">
        <v>0.16900000000000001</v>
      </c>
      <c r="O21" s="97">
        <v>7.803720449383611E-2</v>
      </c>
    </row>
    <row r="22" spans="1:19" ht="25.5" customHeight="1">
      <c r="A22" s="57" t="s">
        <v>448</v>
      </c>
      <c r="B22" s="137">
        <v>131</v>
      </c>
      <c r="C22" s="138">
        <v>3.21</v>
      </c>
      <c r="D22" s="130">
        <v>0.15679999999999999</v>
      </c>
      <c r="E22" s="122">
        <v>131</v>
      </c>
      <c r="F22" s="139">
        <v>4.5999999999999999E-2</v>
      </c>
      <c r="G22" s="94">
        <v>4.0703927979800783E-2</v>
      </c>
      <c r="H22" s="140">
        <v>0.24</v>
      </c>
      <c r="I22" s="94">
        <v>7.4305989764082245E-2</v>
      </c>
      <c r="J22" s="140">
        <v>0.23300000000000001</v>
      </c>
      <c r="K22" s="94">
        <v>7.3610173945428084E-2</v>
      </c>
      <c r="L22" s="140">
        <v>0.41799999999999998</v>
      </c>
      <c r="M22" s="94">
        <v>8.4969459639222117E-2</v>
      </c>
      <c r="N22" s="140">
        <v>6.3E-2</v>
      </c>
      <c r="O22" s="94">
        <v>4.5600528567766696E-2</v>
      </c>
    </row>
    <row r="23" spans="1:19">
      <c r="A23" s="49" t="s">
        <v>457</v>
      </c>
      <c r="B23" s="141">
        <v>703</v>
      </c>
      <c r="C23" s="142">
        <v>3.24</v>
      </c>
      <c r="D23" s="132">
        <v>7.8399999999999997E-2</v>
      </c>
      <c r="E23" s="125">
        <v>703</v>
      </c>
      <c r="F23" s="143">
        <v>4.9000000000000002E-2</v>
      </c>
      <c r="G23" s="97">
        <v>1.6632147326159918E-2</v>
      </c>
      <c r="H23" s="144">
        <v>0.216</v>
      </c>
      <c r="I23" s="97">
        <v>3.1036236021449174E-2</v>
      </c>
      <c r="J23" s="144">
        <v>0.29799999999999999</v>
      </c>
      <c r="K23" s="97">
        <v>3.4440889497543203E-2</v>
      </c>
      <c r="L23" s="144">
        <v>0.318</v>
      </c>
      <c r="M23" s="97">
        <v>3.5059032987515427E-2</v>
      </c>
      <c r="N23" s="144">
        <v>0.11899999999999999</v>
      </c>
      <c r="O23" s="97">
        <v>2.4544150759704005E-2</v>
      </c>
    </row>
    <row r="24" spans="1:19">
      <c r="A24" s="57" t="s">
        <v>449</v>
      </c>
      <c r="B24" s="137">
        <v>127</v>
      </c>
      <c r="C24" s="138">
        <v>3.36</v>
      </c>
      <c r="D24" s="130">
        <v>0.1764</v>
      </c>
      <c r="E24" s="122">
        <v>127</v>
      </c>
      <c r="F24" s="139">
        <v>8.5999999999999993E-2</v>
      </c>
      <c r="G24" s="94">
        <v>5.2104161917803753E-2</v>
      </c>
      <c r="H24" s="140">
        <v>0.156</v>
      </c>
      <c r="I24" s="94">
        <v>6.5096591950510443E-2</v>
      </c>
      <c r="J24" s="140">
        <v>0.252</v>
      </c>
      <c r="K24" s="94">
        <v>7.6606384925207507E-2</v>
      </c>
      <c r="L24" s="140">
        <v>0.32800000000000001</v>
      </c>
      <c r="M24" s="94">
        <v>8.2368576596827711E-2</v>
      </c>
      <c r="N24" s="140">
        <v>0.17899999999999999</v>
      </c>
      <c r="O24" s="94">
        <v>6.838497005233557E-2</v>
      </c>
    </row>
    <row r="25" spans="1:19">
      <c r="A25" s="49" t="s">
        <v>450</v>
      </c>
      <c r="B25" s="141">
        <v>102</v>
      </c>
      <c r="C25" s="142">
        <v>3.34</v>
      </c>
      <c r="D25" s="132">
        <v>0.19600000000000001</v>
      </c>
      <c r="E25" s="125">
        <v>102</v>
      </c>
      <c r="F25" s="143">
        <v>2.5000000000000001E-2</v>
      </c>
      <c r="G25" s="97">
        <v>3.9373400259540857E-2</v>
      </c>
      <c r="H25" s="144">
        <v>0.252</v>
      </c>
      <c r="I25" s="97">
        <v>8.5351709641238394E-2</v>
      </c>
      <c r="J25" s="144">
        <v>0.183</v>
      </c>
      <c r="K25" s="97">
        <v>7.6959185386796358E-2</v>
      </c>
      <c r="L25" s="144">
        <v>0.434</v>
      </c>
      <c r="M25" s="97">
        <v>9.6341873926215613E-2</v>
      </c>
      <c r="N25" s="144">
        <v>0.106</v>
      </c>
      <c r="O25" s="97">
        <v>6.3322734106016229E-2</v>
      </c>
    </row>
    <row r="26" spans="1:19" ht="25.5">
      <c r="A26" s="57" t="s">
        <v>451</v>
      </c>
      <c r="B26" s="137">
        <v>182</v>
      </c>
      <c r="C26" s="138">
        <v>3.25</v>
      </c>
      <c r="D26" s="130">
        <v>0.15679999999999999</v>
      </c>
      <c r="E26" s="122">
        <v>182</v>
      </c>
      <c r="F26" s="139">
        <v>6.3E-2</v>
      </c>
      <c r="G26" s="94">
        <v>3.8002942969114495E-2</v>
      </c>
      <c r="H26" s="140">
        <v>0.18</v>
      </c>
      <c r="I26" s="94">
        <v>5.7165472510024982E-2</v>
      </c>
      <c r="J26" s="140">
        <v>0.32500000000000001</v>
      </c>
      <c r="K26" s="94">
        <v>6.8889508044258335E-2</v>
      </c>
      <c r="L26" s="140">
        <v>0.308</v>
      </c>
      <c r="M26" s="94">
        <v>6.7950725265296136E-2</v>
      </c>
      <c r="N26" s="140">
        <v>0.125</v>
      </c>
      <c r="O26" s="94">
        <v>4.9807878350001777E-2</v>
      </c>
    </row>
    <row r="27" spans="1:19">
      <c r="A27" s="49" t="s">
        <v>452</v>
      </c>
      <c r="B27" s="141">
        <v>77</v>
      </c>
      <c r="C27" s="142">
        <v>3.41</v>
      </c>
      <c r="D27" s="132">
        <v>0.21559999999999999</v>
      </c>
      <c r="E27" s="125">
        <v>77</v>
      </c>
      <c r="F27" s="143">
        <v>3.6999999999999998E-2</v>
      </c>
      <c r="G27" s="97">
        <v>5.2718903014519508E-2</v>
      </c>
      <c r="H27" s="144">
        <v>0.23200000000000001</v>
      </c>
      <c r="I27" s="97">
        <v>9.5605820011780168E-2</v>
      </c>
      <c r="J27" s="144">
        <v>0.188</v>
      </c>
      <c r="K27" s="97">
        <v>8.945178272704872E-2</v>
      </c>
      <c r="L27" s="144">
        <v>0.36499999999999999</v>
      </c>
      <c r="M27" s="97">
        <v>0.10738888729218958</v>
      </c>
      <c r="N27" s="144">
        <v>0.17799999999999999</v>
      </c>
      <c r="O27" s="97">
        <v>8.7856096087862642E-2</v>
      </c>
    </row>
    <row r="28" spans="1:19">
      <c r="A28" s="57" t="s">
        <v>453</v>
      </c>
      <c r="B28" s="137">
        <v>88</v>
      </c>
      <c r="C28" s="138">
        <v>3.25</v>
      </c>
      <c r="D28" s="130">
        <v>0.19600000000000001</v>
      </c>
      <c r="E28" s="122">
        <v>88</v>
      </c>
      <c r="F28" s="139">
        <v>0.05</v>
      </c>
      <c r="G28" s="94">
        <v>5.3048746213354647E-2</v>
      </c>
      <c r="H28" s="140">
        <v>0.13700000000000001</v>
      </c>
      <c r="I28" s="94">
        <v>7.5018862316725388E-2</v>
      </c>
      <c r="J28" s="140">
        <v>0.39500000000000002</v>
      </c>
      <c r="K28" s="94">
        <v>0.10213223620094813</v>
      </c>
      <c r="L28" s="140">
        <v>0.35699999999999998</v>
      </c>
      <c r="M28" s="94">
        <v>0.10028015494828825</v>
      </c>
      <c r="N28" s="140">
        <v>6.2E-2</v>
      </c>
      <c r="O28" s="94">
        <v>5.6903974374932928E-2</v>
      </c>
    </row>
    <row r="29" spans="1:19">
      <c r="A29" s="49" t="s">
        <v>454</v>
      </c>
      <c r="B29" s="141">
        <v>127</v>
      </c>
      <c r="C29" s="142">
        <v>3.03</v>
      </c>
      <c r="D29" s="132">
        <v>0.1764</v>
      </c>
      <c r="E29" s="125">
        <v>127</v>
      </c>
      <c r="F29" s="143">
        <v>3.2000000000000001E-2</v>
      </c>
      <c r="G29" s="97">
        <v>3.6715246398848204E-2</v>
      </c>
      <c r="H29" s="144">
        <v>0.318</v>
      </c>
      <c r="I29" s="97">
        <v>8.1749562950650598E-2</v>
      </c>
      <c r="J29" s="144">
        <v>0.34799999999999998</v>
      </c>
      <c r="K29" s="97">
        <v>8.3489797404182026E-2</v>
      </c>
      <c r="L29" s="144">
        <v>0.19600000000000001</v>
      </c>
      <c r="M29" s="97">
        <v>7.0579187609286151E-2</v>
      </c>
      <c r="N29" s="144">
        <v>0.106</v>
      </c>
      <c r="O29" s="97">
        <v>5.637912214733995E-2</v>
      </c>
    </row>
    <row r="32" spans="1:19" ht="18.75">
      <c r="A32" s="322" t="s">
        <v>293</v>
      </c>
      <c r="B32" s="322"/>
      <c r="C32" s="322"/>
      <c r="D32" s="322"/>
      <c r="E32" s="322"/>
      <c r="F32" s="322"/>
      <c r="G32" s="322"/>
      <c r="H32" s="322"/>
      <c r="I32" s="322"/>
      <c r="J32" s="322"/>
      <c r="K32" s="322"/>
      <c r="L32" s="227"/>
      <c r="M32" s="227"/>
      <c r="N32" s="227"/>
      <c r="O32" s="227"/>
      <c r="P32" s="257"/>
      <c r="Q32" s="257"/>
      <c r="R32" s="257"/>
      <c r="S32" s="257"/>
    </row>
    <row r="33" spans="1:19" ht="53.25" customHeight="1">
      <c r="A33" s="378" t="s">
        <v>489</v>
      </c>
      <c r="B33" s="378"/>
      <c r="C33" s="378"/>
      <c r="D33" s="378"/>
      <c r="E33" s="378"/>
      <c r="F33" s="378"/>
      <c r="G33" s="378"/>
      <c r="H33" s="378"/>
      <c r="I33" s="378"/>
      <c r="J33" s="378"/>
      <c r="K33" s="378"/>
      <c r="L33" s="268"/>
      <c r="M33" s="268"/>
      <c r="N33" s="268"/>
      <c r="O33" s="268"/>
      <c r="P33" s="257"/>
      <c r="Q33" s="257"/>
      <c r="R33" s="257"/>
      <c r="S33" s="257"/>
    </row>
    <row r="34" spans="1:19" ht="33" customHeight="1">
      <c r="A34" s="372" t="s">
        <v>294</v>
      </c>
      <c r="B34" s="372"/>
      <c r="C34" s="372"/>
      <c r="D34" s="372"/>
      <c r="E34" s="379" t="s">
        <v>400</v>
      </c>
      <c r="F34" s="380"/>
      <c r="G34" s="380"/>
      <c r="H34" s="380"/>
      <c r="I34" s="380"/>
      <c r="J34" s="380"/>
      <c r="K34" s="381"/>
    </row>
    <row r="35" spans="1:19" ht="57.75" customHeight="1">
      <c r="A35" s="37" t="s">
        <v>85</v>
      </c>
      <c r="B35" s="38" t="s">
        <v>86</v>
      </c>
      <c r="C35" s="39" t="s">
        <v>87</v>
      </c>
      <c r="D35" s="40" t="s">
        <v>88</v>
      </c>
      <c r="E35" s="65" t="s">
        <v>86</v>
      </c>
      <c r="F35" s="65" t="s">
        <v>335</v>
      </c>
      <c r="G35" s="88" t="s">
        <v>338</v>
      </c>
      <c r="H35" s="65" t="s">
        <v>336</v>
      </c>
      <c r="I35" s="88" t="s">
        <v>339</v>
      </c>
      <c r="J35" s="65" t="s">
        <v>337</v>
      </c>
      <c r="K35" s="88" t="s">
        <v>340</v>
      </c>
    </row>
    <row r="36" spans="1:19" ht="84">
      <c r="A36" s="41"/>
      <c r="B36" s="42" t="s">
        <v>89</v>
      </c>
      <c r="C36" s="43" t="s">
        <v>435</v>
      </c>
      <c r="D36" s="44" t="s">
        <v>91</v>
      </c>
      <c r="E36" s="68" t="s">
        <v>89</v>
      </c>
      <c r="F36" s="68" t="s">
        <v>397</v>
      </c>
      <c r="G36" s="90" t="s">
        <v>104</v>
      </c>
      <c r="H36" s="68" t="s">
        <v>398</v>
      </c>
      <c r="I36" s="90" t="s">
        <v>104</v>
      </c>
      <c r="J36" s="68" t="s">
        <v>399</v>
      </c>
      <c r="K36" s="90" t="s">
        <v>104</v>
      </c>
    </row>
    <row r="37" spans="1:19">
      <c r="A37" s="45" t="s">
        <v>436</v>
      </c>
      <c r="B37" s="145">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7</v>
      </c>
      <c r="B38" s="49">
        <v>7903</v>
      </c>
      <c r="C38" s="147">
        <v>6.98</v>
      </c>
      <c r="D38" s="148">
        <v>3.9199999999999999E-2</v>
      </c>
      <c r="E38" s="125">
        <v>7903</v>
      </c>
      <c r="F38" s="143">
        <v>0.38</v>
      </c>
      <c r="G38" s="97">
        <v>1.0917550105584376E-2</v>
      </c>
      <c r="H38" s="144">
        <v>0.28899999999999998</v>
      </c>
      <c r="I38" s="97">
        <v>1.0196601185226134E-2</v>
      </c>
      <c r="J38" s="144">
        <v>0.33100000000000002</v>
      </c>
      <c r="K38" s="97">
        <v>1.0584723311543207E-2</v>
      </c>
    </row>
    <row r="39" spans="1:19">
      <c r="A39" s="45" t="s">
        <v>438</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9</v>
      </c>
      <c r="B40" s="49">
        <v>3258</v>
      </c>
      <c r="C40" s="147">
        <v>7.15</v>
      </c>
      <c r="D40" s="148">
        <v>7.8399999999999997E-2</v>
      </c>
      <c r="E40" s="125">
        <v>3258</v>
      </c>
      <c r="F40" s="143">
        <v>0.33600000000000002</v>
      </c>
      <c r="G40" s="97">
        <v>1.6542679192894569E-2</v>
      </c>
      <c r="H40" s="144">
        <v>0.30199999999999999</v>
      </c>
      <c r="I40" s="97">
        <v>1.6081189173916825E-2</v>
      </c>
      <c r="J40" s="144">
        <v>0.36199999999999999</v>
      </c>
      <c r="K40" s="97">
        <v>1.6830480817644104E-2</v>
      </c>
    </row>
    <row r="41" spans="1:19">
      <c r="A41" s="45" t="s">
        <v>440</v>
      </c>
      <c r="B41" s="53">
        <v>3025</v>
      </c>
      <c r="C41" s="84">
        <v>7.16</v>
      </c>
      <c r="D41" s="85">
        <v>7.8399999999999997E-2</v>
      </c>
      <c r="E41" s="83">
        <v>3025</v>
      </c>
      <c r="F41" s="98">
        <v>0.32900000000000001</v>
      </c>
      <c r="G41" s="94">
        <v>1.7077153044290427E-2</v>
      </c>
      <c r="H41" s="98">
        <v>0.30599999999999999</v>
      </c>
      <c r="I41" s="94">
        <v>1.6750291035817037E-2</v>
      </c>
      <c r="J41" s="98">
        <v>0.36599999999999999</v>
      </c>
      <c r="K41" s="94">
        <v>1.7506925212558047E-2</v>
      </c>
    </row>
    <row r="42" spans="1:19">
      <c r="A42" s="49" t="s">
        <v>455</v>
      </c>
      <c r="B42" s="49">
        <v>522</v>
      </c>
      <c r="C42" s="147">
        <v>7.05</v>
      </c>
      <c r="D42" s="148">
        <v>0.19600000000000001</v>
      </c>
      <c r="E42" s="125">
        <v>522</v>
      </c>
      <c r="F42" s="143">
        <v>0.34699999999999998</v>
      </c>
      <c r="G42" s="97">
        <v>4.1543021512994049E-2</v>
      </c>
      <c r="H42" s="144">
        <v>0.27600000000000002</v>
      </c>
      <c r="I42" s="97">
        <v>3.9055798188172501E-2</v>
      </c>
      <c r="J42" s="144">
        <v>0.378</v>
      </c>
      <c r="K42" s="97">
        <v>4.2304483118790426E-2</v>
      </c>
    </row>
    <row r="43" spans="1:19">
      <c r="A43" s="45" t="s">
        <v>441</v>
      </c>
      <c r="B43" s="53">
        <v>106</v>
      </c>
      <c r="C43" s="84">
        <v>7.31</v>
      </c>
      <c r="D43" s="85">
        <v>0.39200000000000002</v>
      </c>
      <c r="E43" s="83">
        <v>106</v>
      </c>
      <c r="F43" s="98">
        <v>0.23499999999999999</v>
      </c>
      <c r="G43" s="94">
        <v>8.1973257994885251E-2</v>
      </c>
      <c r="H43" s="98">
        <v>0.30299999999999999</v>
      </c>
      <c r="I43" s="94">
        <v>8.8206813804278347E-2</v>
      </c>
      <c r="J43" s="98">
        <v>0.46300000000000002</v>
      </c>
      <c r="K43" s="94">
        <v>9.5103532749301403E-2</v>
      </c>
    </row>
    <row r="44" spans="1:19">
      <c r="A44" s="49" t="s">
        <v>442</v>
      </c>
      <c r="B44" s="49">
        <v>162</v>
      </c>
      <c r="C44" s="147">
        <v>7.02</v>
      </c>
      <c r="D44" s="148">
        <v>0.3528</v>
      </c>
      <c r="E44" s="125">
        <v>162</v>
      </c>
      <c r="F44" s="143">
        <v>0.39600000000000002</v>
      </c>
      <c r="G44" s="97">
        <v>7.5999203048338376E-2</v>
      </c>
      <c r="H44" s="144">
        <v>0.26100000000000001</v>
      </c>
      <c r="I44" s="97">
        <v>6.8652899056854816E-2</v>
      </c>
      <c r="J44" s="144">
        <v>0.34300000000000003</v>
      </c>
      <c r="K44" s="97">
        <v>7.3881147068204561E-2</v>
      </c>
    </row>
    <row r="45" spans="1:19">
      <c r="A45" s="45" t="s">
        <v>443</v>
      </c>
      <c r="B45" s="53">
        <v>122</v>
      </c>
      <c r="C45" s="84">
        <v>6.88</v>
      </c>
      <c r="D45" s="85">
        <v>0.39200000000000002</v>
      </c>
      <c r="E45" s="83">
        <v>122</v>
      </c>
      <c r="F45" s="98">
        <v>0.373</v>
      </c>
      <c r="G45" s="94">
        <v>8.6350854724310727E-2</v>
      </c>
      <c r="H45" s="98">
        <v>0.27100000000000002</v>
      </c>
      <c r="I45" s="94">
        <v>7.9848216469232527E-2</v>
      </c>
      <c r="J45" s="98">
        <v>0.35599999999999998</v>
      </c>
      <c r="K45" s="94">
        <v>8.5553227369362855E-2</v>
      </c>
    </row>
    <row r="46" spans="1:19">
      <c r="A46" s="49" t="s">
        <v>444</v>
      </c>
      <c r="B46" s="49">
        <v>132</v>
      </c>
      <c r="C46" s="147">
        <v>7.05</v>
      </c>
      <c r="D46" s="148">
        <v>0.3528</v>
      </c>
      <c r="E46" s="125">
        <v>132</v>
      </c>
      <c r="F46" s="143">
        <v>0.34</v>
      </c>
      <c r="G46" s="97">
        <v>8.1508523015950962E-2</v>
      </c>
      <c r="H46" s="144">
        <v>0.27900000000000003</v>
      </c>
      <c r="I46" s="97">
        <v>7.7457720915424341E-2</v>
      </c>
      <c r="J46" s="144">
        <v>0.38100000000000001</v>
      </c>
      <c r="K46" s="97">
        <v>8.3430095782954378E-2</v>
      </c>
    </row>
    <row r="47" spans="1:19">
      <c r="A47" s="45" t="s">
        <v>456</v>
      </c>
      <c r="B47" s="145">
        <v>482</v>
      </c>
      <c r="C47" s="84">
        <v>7.39</v>
      </c>
      <c r="D47" s="85">
        <v>0.19600000000000001</v>
      </c>
      <c r="E47" s="83">
        <v>482</v>
      </c>
      <c r="F47" s="98">
        <v>0.254</v>
      </c>
      <c r="G47" s="94">
        <v>3.959424333319185E-2</v>
      </c>
      <c r="H47" s="98">
        <v>0.35499999999999998</v>
      </c>
      <c r="I47" s="94">
        <v>4.3444270748359291E-2</v>
      </c>
      <c r="J47" s="98">
        <v>0.39100000000000001</v>
      </c>
      <c r="K47" s="94">
        <v>4.4288036563628549E-2</v>
      </c>
    </row>
    <row r="48" spans="1:19" ht="25.5">
      <c r="A48" s="49" t="s">
        <v>445</v>
      </c>
      <c r="B48" s="146">
        <v>157</v>
      </c>
      <c r="C48" s="147">
        <v>7.43</v>
      </c>
      <c r="D48" s="148">
        <v>0.3332</v>
      </c>
      <c r="E48" s="125">
        <v>157</v>
      </c>
      <c r="F48" s="143">
        <v>0.22800000000000001</v>
      </c>
      <c r="G48" s="97">
        <v>6.6807697743057393E-2</v>
      </c>
      <c r="H48" s="144">
        <v>0.41299999999999998</v>
      </c>
      <c r="I48" s="97">
        <v>7.7668258916709351E-2</v>
      </c>
      <c r="J48" s="144">
        <v>0.35899999999999999</v>
      </c>
      <c r="K48" s="97">
        <v>7.5772559976595544E-2</v>
      </c>
    </row>
    <row r="49" spans="1:22">
      <c r="A49" s="45" t="s">
        <v>446</v>
      </c>
      <c r="B49" s="83">
        <v>107</v>
      </c>
      <c r="C49" s="84">
        <v>7.61</v>
      </c>
      <c r="D49" s="85">
        <v>0.37240000000000001</v>
      </c>
      <c r="E49" s="83">
        <v>107</v>
      </c>
      <c r="F49" s="98">
        <v>0.20399999999999999</v>
      </c>
      <c r="G49" s="94">
        <v>7.7943127542658502E-2</v>
      </c>
      <c r="H49" s="98">
        <v>0.41699999999999998</v>
      </c>
      <c r="I49" s="94">
        <v>9.3692723472091941E-2</v>
      </c>
      <c r="J49" s="98">
        <v>0.379</v>
      </c>
      <c r="K49" s="94">
        <v>9.2297051667303731E-2</v>
      </c>
    </row>
    <row r="50" spans="1:22">
      <c r="A50" s="49" t="s">
        <v>447</v>
      </c>
      <c r="B50" s="146">
        <v>90</v>
      </c>
      <c r="C50" s="147">
        <v>7.05</v>
      </c>
      <c r="D50" s="148">
        <v>0.47039999999999998</v>
      </c>
      <c r="E50" s="125">
        <v>90</v>
      </c>
      <c r="F50" s="143">
        <v>0.32400000000000001</v>
      </c>
      <c r="G50" s="97">
        <v>9.7108004092053515E-2</v>
      </c>
      <c r="H50" s="144">
        <v>0.27900000000000003</v>
      </c>
      <c r="I50" s="97">
        <v>9.3450918015812623E-2</v>
      </c>
      <c r="J50" s="144">
        <v>0.39700000000000002</v>
      </c>
      <c r="K50" s="97">
        <v>0.10111604521844375</v>
      </c>
    </row>
    <row r="51" spans="1:22" ht="27" customHeight="1">
      <c r="A51" s="57" t="s">
        <v>448</v>
      </c>
      <c r="B51" s="145">
        <v>128</v>
      </c>
      <c r="C51" s="84">
        <v>7.42</v>
      </c>
      <c r="D51" s="85">
        <v>0.37240000000000001</v>
      </c>
      <c r="E51" s="83">
        <v>128</v>
      </c>
      <c r="F51" s="98">
        <v>0.28399999999999997</v>
      </c>
      <c r="G51" s="94">
        <v>7.9033708456434329E-2</v>
      </c>
      <c r="H51" s="98">
        <v>0.26</v>
      </c>
      <c r="I51" s="94">
        <v>7.7035610917038755E-2</v>
      </c>
      <c r="J51" s="98">
        <v>0.45600000000000002</v>
      </c>
      <c r="K51" s="94">
        <v>8.6721350269657313E-2</v>
      </c>
    </row>
    <row r="52" spans="1:22">
      <c r="A52" s="49" t="s">
        <v>457</v>
      </c>
      <c r="B52" s="146">
        <v>649</v>
      </c>
      <c r="C52" s="147">
        <v>7.06</v>
      </c>
      <c r="D52" s="148">
        <v>0.1764</v>
      </c>
      <c r="E52" s="125">
        <v>649</v>
      </c>
      <c r="F52" s="143">
        <v>0.34899999999999998</v>
      </c>
      <c r="G52" s="97">
        <v>3.7328678207862113E-2</v>
      </c>
      <c r="H52" s="144">
        <v>0.33900000000000002</v>
      </c>
      <c r="I52" s="97">
        <v>3.7074949080070675E-2</v>
      </c>
      <c r="J52" s="144">
        <v>0.312</v>
      </c>
      <c r="K52" s="97">
        <v>3.6297872515018946E-2</v>
      </c>
    </row>
    <row r="53" spans="1:22">
      <c r="A53" s="57" t="s">
        <v>449</v>
      </c>
      <c r="B53" s="145">
        <v>122</v>
      </c>
      <c r="C53" s="84">
        <v>7.35</v>
      </c>
      <c r="D53" s="85">
        <v>0.39200000000000002</v>
      </c>
      <c r="E53" s="83">
        <v>122</v>
      </c>
      <c r="F53" s="98">
        <v>0.29299999999999998</v>
      </c>
      <c r="G53" s="94">
        <v>8.161628917619404E-2</v>
      </c>
      <c r="H53" s="98">
        <v>0.25900000000000001</v>
      </c>
      <c r="I53" s="94">
        <v>7.8790086375065835E-2</v>
      </c>
      <c r="J53" s="98">
        <v>0.44900000000000001</v>
      </c>
      <c r="K53" s="94">
        <v>8.8651542129658797E-2</v>
      </c>
    </row>
    <row r="54" spans="1:22">
      <c r="A54" s="49" t="s">
        <v>450</v>
      </c>
      <c r="B54" s="146">
        <v>96</v>
      </c>
      <c r="C54" s="147">
        <v>7.28</v>
      </c>
      <c r="D54" s="148">
        <v>0.43119999999999997</v>
      </c>
      <c r="E54" s="125">
        <v>96</v>
      </c>
      <c r="F54" s="143">
        <v>0.28399999999999997</v>
      </c>
      <c r="G54" s="97">
        <v>9.099490763773542E-2</v>
      </c>
      <c r="H54" s="144">
        <v>0.47499999999999998</v>
      </c>
      <c r="I54" s="97">
        <v>9.9884733568248563E-2</v>
      </c>
      <c r="J54" s="144">
        <v>0.24099999999999999</v>
      </c>
      <c r="K54" s="97">
        <v>8.6759011151580093E-2</v>
      </c>
    </row>
    <row r="55" spans="1:22" ht="25.5">
      <c r="A55" s="57" t="s">
        <v>451</v>
      </c>
      <c r="B55" s="145">
        <v>163</v>
      </c>
      <c r="C55" s="84">
        <v>7.34</v>
      </c>
      <c r="D55" s="85">
        <v>0.3332</v>
      </c>
      <c r="E55" s="83">
        <v>163</v>
      </c>
      <c r="F55" s="98">
        <v>0.314</v>
      </c>
      <c r="G55" s="94">
        <v>7.2101300259499942E-2</v>
      </c>
      <c r="H55" s="98">
        <v>0.29499999999999998</v>
      </c>
      <c r="I55" s="94">
        <v>7.0916002229269859E-2</v>
      </c>
      <c r="J55" s="98">
        <v>0.39100000000000001</v>
      </c>
      <c r="K55" s="94">
        <v>7.5610304645196316E-2</v>
      </c>
    </row>
    <row r="56" spans="1:22">
      <c r="A56" s="49" t="s">
        <v>452</v>
      </c>
      <c r="B56" s="146">
        <v>75</v>
      </c>
      <c r="C56" s="147">
        <v>7.29</v>
      </c>
      <c r="D56" s="148">
        <v>0.43119999999999997</v>
      </c>
      <c r="E56" s="125">
        <v>75</v>
      </c>
      <c r="F56" s="143">
        <v>0.28299999999999997</v>
      </c>
      <c r="G56" s="97">
        <v>0.10251490404762353</v>
      </c>
      <c r="H56" s="144">
        <v>0.376</v>
      </c>
      <c r="I56" s="97">
        <v>0.10934595984787832</v>
      </c>
      <c r="J56" s="144">
        <v>0.34100000000000003</v>
      </c>
      <c r="K56" s="97">
        <v>0.10725912987030109</v>
      </c>
    </row>
    <row r="57" spans="1:22">
      <c r="A57" s="57" t="s">
        <v>453</v>
      </c>
      <c r="B57" s="145">
        <v>78</v>
      </c>
      <c r="C57" s="84">
        <v>7.1</v>
      </c>
      <c r="D57" s="85">
        <v>0.5292</v>
      </c>
      <c r="E57" s="83">
        <v>78</v>
      </c>
      <c r="F57" s="98">
        <v>0.38700000000000001</v>
      </c>
      <c r="G57" s="94">
        <v>0.10784957270118967</v>
      </c>
      <c r="H57" s="98">
        <v>0.28100000000000003</v>
      </c>
      <c r="I57" s="94">
        <v>0.10039045650531413</v>
      </c>
      <c r="J57" s="98">
        <v>0.33100000000000002</v>
      </c>
      <c r="K57" s="94">
        <v>0.10456821255955744</v>
      </c>
    </row>
    <row r="58" spans="1:22">
      <c r="A58" s="49" t="s">
        <v>454</v>
      </c>
      <c r="B58" s="146">
        <v>115</v>
      </c>
      <c r="C58" s="147">
        <v>6.34</v>
      </c>
      <c r="D58" s="148">
        <v>0.41159999999999997</v>
      </c>
      <c r="E58" s="125">
        <v>115</v>
      </c>
      <c r="F58" s="143">
        <v>0.46400000000000002</v>
      </c>
      <c r="G58" s="97">
        <v>9.1447677421481036E-2</v>
      </c>
      <c r="H58" s="144">
        <v>0.35499999999999998</v>
      </c>
      <c r="I58" s="97">
        <v>8.7996311991788145E-2</v>
      </c>
      <c r="J58" s="144">
        <v>0.18099999999999999</v>
      </c>
      <c r="K58" s="97">
        <v>7.2172785105539608E-2</v>
      </c>
    </row>
    <row r="59" spans="1:22" s="249" customFormat="1">
      <c r="A59" s="242"/>
      <c r="B59" s="243"/>
      <c r="C59" s="244"/>
      <c r="D59" s="245"/>
      <c r="E59" s="246"/>
      <c r="F59" s="247"/>
      <c r="G59" s="248"/>
      <c r="H59" s="247"/>
      <c r="I59" s="248"/>
    </row>
    <row r="60" spans="1:22" s="249" customFormat="1">
      <c r="A60" s="242"/>
      <c r="B60" s="243"/>
      <c r="C60" s="244"/>
      <c r="D60" s="245"/>
      <c r="E60" s="246"/>
      <c r="F60" s="247"/>
      <c r="G60" s="248"/>
      <c r="H60" s="247"/>
      <c r="I60" s="248"/>
    </row>
    <row r="61" spans="1:22" ht="18.75">
      <c r="A61" s="321" t="s">
        <v>295</v>
      </c>
      <c r="B61" s="321"/>
      <c r="C61" s="321"/>
      <c r="D61" s="321"/>
      <c r="E61" s="321"/>
      <c r="F61" s="321"/>
      <c r="G61" s="321"/>
      <c r="H61" s="321"/>
      <c r="I61" s="321"/>
      <c r="J61" s="321"/>
      <c r="K61" s="321"/>
      <c r="L61" s="321"/>
      <c r="M61" s="321"/>
      <c r="N61" s="321"/>
      <c r="O61" s="321"/>
      <c r="P61" s="321"/>
      <c r="Q61" s="321"/>
      <c r="R61" s="321"/>
      <c r="S61" s="321"/>
      <c r="T61" s="321"/>
      <c r="U61" s="321"/>
      <c r="V61" s="321"/>
    </row>
    <row r="62" spans="1:22" ht="73.5" customHeight="1">
      <c r="A62" s="370" t="s">
        <v>490</v>
      </c>
      <c r="B62" s="370"/>
      <c r="C62" s="370"/>
      <c r="D62" s="370"/>
      <c r="E62" s="370"/>
      <c r="F62" s="370"/>
      <c r="G62" s="370"/>
      <c r="H62" s="370"/>
      <c r="I62" s="370"/>
      <c r="J62" s="370"/>
      <c r="K62" s="370"/>
      <c r="L62" s="370"/>
      <c r="M62" s="370"/>
      <c r="N62" s="370"/>
      <c r="O62" s="370"/>
      <c r="P62" s="370"/>
      <c r="Q62" s="370"/>
      <c r="R62" s="370"/>
      <c r="S62" s="370"/>
      <c r="T62" s="370"/>
      <c r="U62" s="370"/>
      <c r="V62" s="370"/>
    </row>
    <row r="63" spans="1:22" ht="57.75" customHeight="1">
      <c r="A63" s="241"/>
      <c r="B63" s="360" t="s">
        <v>341</v>
      </c>
      <c r="C63" s="360"/>
      <c r="D63" s="360"/>
      <c r="E63" s="360"/>
      <c r="F63" s="360"/>
      <c r="G63" s="360"/>
      <c r="H63" s="360"/>
      <c r="I63" s="360" t="s">
        <v>342</v>
      </c>
      <c r="J63" s="360"/>
      <c r="K63" s="360"/>
      <c r="L63" s="360"/>
      <c r="M63" s="360"/>
      <c r="N63" s="360"/>
      <c r="O63" s="360"/>
      <c r="P63" s="360" t="s">
        <v>343</v>
      </c>
      <c r="Q63" s="360"/>
      <c r="R63" s="360"/>
      <c r="S63" s="360"/>
      <c r="T63" s="360"/>
      <c r="U63" s="360"/>
      <c r="V63" s="360"/>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1</v>
      </c>
      <c r="D65" s="91" t="s">
        <v>104</v>
      </c>
      <c r="E65" s="42" t="s">
        <v>402</v>
      </c>
      <c r="F65" s="91" t="s">
        <v>104</v>
      </c>
      <c r="G65" s="42" t="s">
        <v>403</v>
      </c>
      <c r="H65" s="91" t="s">
        <v>104</v>
      </c>
      <c r="I65" s="68" t="s">
        <v>89</v>
      </c>
      <c r="J65" s="68" t="s">
        <v>401</v>
      </c>
      <c r="K65" s="90" t="s">
        <v>104</v>
      </c>
      <c r="L65" s="68" t="s">
        <v>402</v>
      </c>
      <c r="M65" s="90" t="s">
        <v>104</v>
      </c>
      <c r="N65" s="68" t="s">
        <v>403</v>
      </c>
      <c r="O65" s="90" t="s">
        <v>104</v>
      </c>
      <c r="P65" s="42" t="s">
        <v>89</v>
      </c>
      <c r="Q65" s="42" t="s">
        <v>401</v>
      </c>
      <c r="R65" s="91" t="s">
        <v>104</v>
      </c>
      <c r="S65" s="42" t="s">
        <v>402</v>
      </c>
      <c r="T65" s="91" t="s">
        <v>104</v>
      </c>
      <c r="U65" s="42" t="s">
        <v>403</v>
      </c>
      <c r="V65" s="91" t="s">
        <v>104</v>
      </c>
    </row>
    <row r="66" spans="1:22">
      <c r="A66" s="45" t="s">
        <v>436</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7</v>
      </c>
      <c r="B67" s="151">
        <v>7888</v>
      </c>
      <c r="C67" s="153">
        <v>0.316</v>
      </c>
      <c r="D67" s="97">
        <v>1.0467489084355273E-2</v>
      </c>
      <c r="E67" s="153">
        <v>0.40400000000000003</v>
      </c>
      <c r="F67" s="97">
        <v>1.1047364730406279E-2</v>
      </c>
      <c r="G67" s="153">
        <v>0.28100000000000003</v>
      </c>
      <c r="H67" s="97">
        <v>1.0120600826100718E-2</v>
      </c>
      <c r="I67" s="151">
        <v>7833</v>
      </c>
      <c r="J67" s="153">
        <v>0.79200000000000004</v>
      </c>
      <c r="K67" s="97">
        <v>9.1719990184560909E-3</v>
      </c>
      <c r="L67" s="153">
        <v>0.153</v>
      </c>
      <c r="M67" s="97">
        <v>8.1366999405030546E-3</v>
      </c>
      <c r="N67" s="153">
        <v>5.5E-2</v>
      </c>
      <c r="O67" s="97">
        <v>5.1605383290471638E-3</v>
      </c>
      <c r="P67" s="151">
        <v>7837</v>
      </c>
      <c r="Q67" s="153">
        <v>0.88200000000000001</v>
      </c>
      <c r="R67" s="97">
        <v>7.2917185617857117E-3</v>
      </c>
      <c r="S67" s="153">
        <v>0.08</v>
      </c>
      <c r="T67" s="97">
        <v>6.1349833936778777E-3</v>
      </c>
      <c r="U67" s="153">
        <v>3.7999999999999999E-2</v>
      </c>
      <c r="V67" s="97">
        <v>4.3312478023080133E-3</v>
      </c>
    </row>
    <row r="68" spans="1:22">
      <c r="A68" s="45" t="s">
        <v>438</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9</v>
      </c>
      <c r="B69" s="151">
        <v>3249</v>
      </c>
      <c r="C69" s="153">
        <v>0.29199999999999998</v>
      </c>
      <c r="D69" s="97">
        <v>1.5948053252581126E-2</v>
      </c>
      <c r="E69" s="153">
        <v>0.40300000000000002</v>
      </c>
      <c r="F69" s="97">
        <v>1.7200795134205037E-2</v>
      </c>
      <c r="G69" s="153">
        <v>0.30499999999999999</v>
      </c>
      <c r="H69" s="97">
        <v>1.6148269970441671E-2</v>
      </c>
      <c r="I69" s="151">
        <v>3231</v>
      </c>
      <c r="J69" s="153">
        <v>0.79800000000000004</v>
      </c>
      <c r="K69" s="97">
        <v>1.4127503830203088E-2</v>
      </c>
      <c r="L69" s="153">
        <v>0.14799999999999999</v>
      </c>
      <c r="M69" s="97">
        <v>1.2501732515328585E-2</v>
      </c>
      <c r="N69" s="153">
        <v>5.5E-2</v>
      </c>
      <c r="O69" s="97">
        <v>8.0542521784316892E-3</v>
      </c>
      <c r="P69" s="151">
        <v>3232</v>
      </c>
      <c r="Q69" s="153">
        <v>0.88200000000000001</v>
      </c>
      <c r="R69" s="97">
        <v>1.1361925911783935E-2</v>
      </c>
      <c r="S69" s="153">
        <v>8.5999999999999993E-2</v>
      </c>
      <c r="T69" s="97">
        <v>9.8835907530240123E-3</v>
      </c>
      <c r="U69" s="153">
        <v>3.2000000000000001E-2</v>
      </c>
      <c r="V69" s="97">
        <v>6.2416454744117977E-3</v>
      </c>
    </row>
    <row r="70" spans="1:22">
      <c r="A70" s="45" t="s">
        <v>440</v>
      </c>
      <c r="B70" s="83">
        <v>3016</v>
      </c>
      <c r="C70" s="98">
        <v>0.28799999999999998</v>
      </c>
      <c r="D70" s="94">
        <v>1.6484991291819392E-2</v>
      </c>
      <c r="E70" s="98">
        <v>0.40899999999999997</v>
      </c>
      <c r="F70" s="94">
        <v>1.7893760128000522E-2</v>
      </c>
      <c r="G70" s="98">
        <v>0.30399999999999999</v>
      </c>
      <c r="H70" s="94">
        <v>1.6744503767417335E-2</v>
      </c>
      <c r="I70" s="83">
        <v>3000</v>
      </c>
      <c r="J70" s="98">
        <v>0.80100000000000005</v>
      </c>
      <c r="K70" s="94">
        <v>1.4579782817400862E-2</v>
      </c>
      <c r="L70" s="98">
        <v>0.14000000000000001</v>
      </c>
      <c r="M70" s="94">
        <v>1.2679859682986773E-2</v>
      </c>
      <c r="N70" s="98">
        <v>5.8999999999999997E-2</v>
      </c>
      <c r="O70" s="94">
        <v>8.6380526089333293E-3</v>
      </c>
      <c r="P70" s="83">
        <v>3001</v>
      </c>
      <c r="Q70" s="98">
        <v>0.88200000000000001</v>
      </c>
      <c r="R70" s="94">
        <v>1.1792110769002767E-2</v>
      </c>
      <c r="S70" s="98">
        <v>8.5999999999999993E-2</v>
      </c>
      <c r="T70" s="94">
        <v>1.0258553790815099E-2</v>
      </c>
      <c r="U70" s="98">
        <v>3.2000000000000001E-2</v>
      </c>
      <c r="V70" s="94">
        <v>6.481377813955286E-3</v>
      </c>
    </row>
    <row r="71" spans="1:22">
      <c r="A71" s="49" t="s">
        <v>455</v>
      </c>
      <c r="B71" s="151">
        <v>521</v>
      </c>
      <c r="C71" s="153">
        <v>0.27900000000000003</v>
      </c>
      <c r="D71" s="97">
        <v>3.9221025323040226E-2</v>
      </c>
      <c r="E71" s="153">
        <v>0.39600000000000002</v>
      </c>
      <c r="F71" s="97">
        <v>4.2703691141501285E-2</v>
      </c>
      <c r="G71" s="153">
        <v>0.32500000000000001</v>
      </c>
      <c r="H71" s="97">
        <v>4.0926404459842088E-2</v>
      </c>
      <c r="I71" s="151">
        <v>518</v>
      </c>
      <c r="J71" s="153">
        <v>0.75</v>
      </c>
      <c r="K71" s="97">
        <v>3.8001228500597353E-2</v>
      </c>
      <c r="L71" s="153">
        <v>0.192</v>
      </c>
      <c r="M71" s="97">
        <v>3.4639277872311539E-2</v>
      </c>
      <c r="N71" s="153">
        <v>5.8000000000000003E-2</v>
      </c>
      <c r="O71" s="97">
        <v>2.1012423383039037E-2</v>
      </c>
      <c r="P71" s="151">
        <v>521</v>
      </c>
      <c r="Q71" s="153">
        <v>0.871</v>
      </c>
      <c r="R71" s="97">
        <v>2.9529439273178887E-2</v>
      </c>
      <c r="S71" s="153">
        <v>7.0999999999999994E-2</v>
      </c>
      <c r="T71" s="97">
        <v>2.2887343264912759E-2</v>
      </c>
      <c r="U71" s="153">
        <v>5.8000000000000003E-2</v>
      </c>
      <c r="V71" s="97">
        <v>2.0949214669684784E-2</v>
      </c>
    </row>
    <row r="72" spans="1:22">
      <c r="A72" s="45" t="s">
        <v>441</v>
      </c>
      <c r="B72" s="83">
        <v>106</v>
      </c>
      <c r="C72" s="98">
        <v>0.20699999999999999</v>
      </c>
      <c r="D72" s="94">
        <v>7.8689503585009965E-2</v>
      </c>
      <c r="E72" s="98">
        <v>0.39</v>
      </c>
      <c r="F72" s="94">
        <v>9.3179006609467957E-2</v>
      </c>
      <c r="G72" s="98">
        <v>0.40300000000000002</v>
      </c>
      <c r="H72" s="94">
        <v>9.3665332532411438E-2</v>
      </c>
      <c r="I72" s="83">
        <v>105</v>
      </c>
      <c r="J72" s="98">
        <v>0.81899999999999995</v>
      </c>
      <c r="K72" s="94">
        <v>7.5558023619310757E-2</v>
      </c>
      <c r="L72" s="98">
        <v>8.3000000000000004E-2</v>
      </c>
      <c r="M72" s="94">
        <v>5.7033491266607388E-2</v>
      </c>
      <c r="N72" s="98">
        <v>9.8000000000000004E-2</v>
      </c>
      <c r="O72" s="94">
        <v>6.0590129656369313E-2</v>
      </c>
      <c r="P72" s="83">
        <v>106</v>
      </c>
      <c r="Q72" s="98">
        <v>0.80900000000000005</v>
      </c>
      <c r="R72" s="94">
        <v>7.6594995530684662E-2</v>
      </c>
      <c r="S72" s="98">
        <v>8.1000000000000003E-2</v>
      </c>
      <c r="T72" s="94">
        <v>5.6238106120450271E-2</v>
      </c>
      <c r="U72" s="98">
        <v>0.11</v>
      </c>
      <c r="V72" s="94">
        <v>6.2888268660270821E-2</v>
      </c>
    </row>
    <row r="73" spans="1:22">
      <c r="A73" s="49" t="s">
        <v>442</v>
      </c>
      <c r="B73" s="151">
        <v>162</v>
      </c>
      <c r="C73" s="153">
        <v>0.32600000000000001</v>
      </c>
      <c r="D73" s="97">
        <v>7.3001981324487444E-2</v>
      </c>
      <c r="E73" s="153">
        <v>0.40600000000000003</v>
      </c>
      <c r="F73" s="97">
        <v>7.6297562819703818E-2</v>
      </c>
      <c r="G73" s="153">
        <v>0.26800000000000002</v>
      </c>
      <c r="H73" s="97">
        <v>6.9201761167391171E-2</v>
      </c>
      <c r="I73" s="151">
        <v>161</v>
      </c>
      <c r="J73" s="153">
        <v>0.76100000000000001</v>
      </c>
      <c r="K73" s="97">
        <v>6.6994672241083533E-2</v>
      </c>
      <c r="L73" s="153">
        <v>0.2</v>
      </c>
      <c r="M73" s="97">
        <v>6.3113316810542844E-2</v>
      </c>
      <c r="N73" s="153">
        <v>3.9E-2</v>
      </c>
      <c r="O73" s="97">
        <v>3.3990426790390292E-2</v>
      </c>
      <c r="P73" s="151">
        <v>162</v>
      </c>
      <c r="Q73" s="153">
        <v>0.92300000000000004</v>
      </c>
      <c r="R73" s="97">
        <v>4.3793103862399749E-2</v>
      </c>
      <c r="S73" s="153">
        <v>4.1000000000000002E-2</v>
      </c>
      <c r="T73" s="97">
        <v>3.4484140679812189E-2</v>
      </c>
      <c r="U73" s="153">
        <v>3.6999999999999998E-2</v>
      </c>
      <c r="V73" s="97">
        <v>3.323431447381122E-2</v>
      </c>
    </row>
    <row r="74" spans="1:22">
      <c r="A74" s="45" t="s">
        <v>443</v>
      </c>
      <c r="B74" s="83">
        <v>122</v>
      </c>
      <c r="C74" s="98">
        <v>0.371</v>
      </c>
      <c r="D74" s="94">
        <v>8.6262574506149756E-2</v>
      </c>
      <c r="E74" s="98">
        <v>0.32900000000000001</v>
      </c>
      <c r="F74" s="94">
        <v>8.4060843807406652E-2</v>
      </c>
      <c r="G74" s="98">
        <v>0.30099999999999999</v>
      </c>
      <c r="H74" s="94">
        <v>8.2206368057794285E-2</v>
      </c>
      <c r="I74" s="83">
        <v>120</v>
      </c>
      <c r="J74" s="98">
        <v>0.70199999999999996</v>
      </c>
      <c r="K74" s="94">
        <v>8.265475342798427E-2</v>
      </c>
      <c r="L74" s="98">
        <v>0.25600000000000001</v>
      </c>
      <c r="M74" s="94">
        <v>7.9157474760629357E-2</v>
      </c>
      <c r="N74" s="98">
        <v>4.2000000000000003E-2</v>
      </c>
      <c r="O74" s="94">
        <v>4.1562577963183689E-2</v>
      </c>
      <c r="P74" s="83">
        <v>121</v>
      </c>
      <c r="Q74" s="98">
        <v>0.86299999999999999</v>
      </c>
      <c r="R74" s="94">
        <v>6.3631258870212509E-2</v>
      </c>
      <c r="S74" s="98">
        <v>0.05</v>
      </c>
      <c r="T74" s="94">
        <v>4.390995877930199E-2</v>
      </c>
      <c r="U74" s="98">
        <v>8.5999999999999993E-2</v>
      </c>
      <c r="V74" s="94">
        <v>5.3485799086037775E-2</v>
      </c>
    </row>
    <row r="75" spans="1:22">
      <c r="A75" s="49" t="s">
        <v>444</v>
      </c>
      <c r="B75" s="151">
        <v>131</v>
      </c>
      <c r="C75" s="153">
        <v>0.21299999999999999</v>
      </c>
      <c r="D75" s="97">
        <v>7.1479562051601553E-2</v>
      </c>
      <c r="E75" s="153">
        <v>0.42899999999999999</v>
      </c>
      <c r="F75" s="97">
        <v>8.5245319255733559E-2</v>
      </c>
      <c r="G75" s="153">
        <v>0.35799999999999998</v>
      </c>
      <c r="H75" s="97">
        <v>8.2733521608991931E-2</v>
      </c>
      <c r="I75" s="151">
        <v>132</v>
      </c>
      <c r="J75" s="153">
        <v>0.73</v>
      </c>
      <c r="K75" s="97">
        <v>7.6728321993175752E-2</v>
      </c>
      <c r="L75" s="153">
        <v>0.20399999999999999</v>
      </c>
      <c r="M75" s="97">
        <v>7.0180877646390152E-2</v>
      </c>
      <c r="N75" s="153">
        <v>6.6000000000000003E-2</v>
      </c>
      <c r="O75" s="97">
        <v>4.6196774457562761E-2</v>
      </c>
      <c r="P75" s="151">
        <v>132</v>
      </c>
      <c r="Q75" s="153">
        <v>0.85499999999999998</v>
      </c>
      <c r="R75" s="97">
        <v>6.2138180251291475E-2</v>
      </c>
      <c r="S75" s="153">
        <v>0.109</v>
      </c>
      <c r="T75" s="97">
        <v>5.5830560364268554E-2</v>
      </c>
      <c r="U75" s="153">
        <v>3.5999999999999997E-2</v>
      </c>
      <c r="V75" s="97">
        <v>3.7252014700235231E-2</v>
      </c>
    </row>
    <row r="76" spans="1:22">
      <c r="A76" s="45" t="s">
        <v>456</v>
      </c>
      <c r="B76" s="83">
        <v>481</v>
      </c>
      <c r="C76" s="98">
        <v>0.23499999999999999</v>
      </c>
      <c r="D76" s="94">
        <v>3.8628932462524607E-2</v>
      </c>
      <c r="E76" s="98">
        <v>0.42599999999999999</v>
      </c>
      <c r="F76" s="94">
        <v>4.4915862079636784E-2</v>
      </c>
      <c r="G76" s="98">
        <v>0.33900000000000002</v>
      </c>
      <c r="H76" s="94">
        <v>4.3030058996504653E-2</v>
      </c>
      <c r="I76" s="83">
        <v>480</v>
      </c>
      <c r="J76" s="98">
        <v>0.84799999999999998</v>
      </c>
      <c r="K76" s="94">
        <v>3.2889678785235792E-2</v>
      </c>
      <c r="L76" s="98">
        <v>0.112</v>
      </c>
      <c r="M76" s="94">
        <v>2.9024647294751238E-2</v>
      </c>
      <c r="N76" s="98">
        <v>0.04</v>
      </c>
      <c r="O76" s="94">
        <v>1.8604866531321228E-2</v>
      </c>
      <c r="P76" s="83">
        <v>480</v>
      </c>
      <c r="Q76" s="98">
        <v>0.90900000000000003</v>
      </c>
      <c r="R76" s="94">
        <v>2.6577898866830034E-2</v>
      </c>
      <c r="S76" s="98">
        <v>6.6000000000000003E-2</v>
      </c>
      <c r="T76" s="94">
        <v>2.3131756523937497E-2</v>
      </c>
      <c r="U76" s="98">
        <v>2.5000000000000001E-2</v>
      </c>
      <c r="V76" s="94">
        <v>1.5236138084653078E-2</v>
      </c>
    </row>
    <row r="77" spans="1:22" ht="25.5">
      <c r="A77" s="49" t="s">
        <v>445</v>
      </c>
      <c r="B77" s="151">
        <v>157</v>
      </c>
      <c r="C77" s="153">
        <v>0.23899999999999999</v>
      </c>
      <c r="D77" s="97">
        <v>6.7836457709613579E-2</v>
      </c>
      <c r="E77" s="153">
        <v>0.38500000000000001</v>
      </c>
      <c r="F77" s="97">
        <v>7.6803205741814873E-2</v>
      </c>
      <c r="G77" s="153">
        <v>0.376</v>
      </c>
      <c r="H77" s="97">
        <v>7.647165412453899E-2</v>
      </c>
      <c r="I77" s="151">
        <v>157</v>
      </c>
      <c r="J77" s="153">
        <v>0.87</v>
      </c>
      <c r="K77" s="97">
        <v>5.4560464279038032E-2</v>
      </c>
      <c r="L77" s="153">
        <v>7.6999999999999999E-2</v>
      </c>
      <c r="M77" s="97">
        <v>4.4540842098820796E-2</v>
      </c>
      <c r="N77" s="153">
        <v>5.2999999999999999E-2</v>
      </c>
      <c r="O77" s="97">
        <v>3.860810051934449E-2</v>
      </c>
      <c r="P77" s="151">
        <v>157</v>
      </c>
      <c r="Q77" s="153">
        <v>0.94</v>
      </c>
      <c r="R77" s="97">
        <v>4.0463271963430393E-2</v>
      </c>
      <c r="S77" s="153">
        <v>2.7E-2</v>
      </c>
      <c r="T77" s="97">
        <v>3.0421416920951998E-2</v>
      </c>
      <c r="U77" s="153">
        <v>3.3000000000000002E-2</v>
      </c>
      <c r="V77" s="97">
        <v>3.2537833822148796E-2</v>
      </c>
    </row>
    <row r="78" spans="1:22">
      <c r="A78" s="45" t="s">
        <v>446</v>
      </c>
      <c r="B78" s="83">
        <v>107</v>
      </c>
      <c r="C78" s="98">
        <v>0.17199999999999999</v>
      </c>
      <c r="D78" s="94">
        <v>7.3528836939434197E-2</v>
      </c>
      <c r="E78" s="98">
        <v>0.54100000000000004</v>
      </c>
      <c r="F78" s="94">
        <v>9.461881233312841E-2</v>
      </c>
      <c r="G78" s="98">
        <v>0.28699999999999998</v>
      </c>
      <c r="H78" s="94">
        <v>8.6543624752217316E-2</v>
      </c>
      <c r="I78" s="83">
        <v>106</v>
      </c>
      <c r="J78" s="98">
        <v>0.86799999999999999</v>
      </c>
      <c r="K78" s="94">
        <v>6.7216325160962584E-2</v>
      </c>
      <c r="L78" s="98">
        <v>0.108</v>
      </c>
      <c r="M78" s="94">
        <v>6.2466972093695006E-2</v>
      </c>
      <c r="N78" s="98">
        <v>2.3E-2</v>
      </c>
      <c r="O78" s="94">
        <v>3.7522211043097324E-2</v>
      </c>
      <c r="P78" s="83">
        <v>106</v>
      </c>
      <c r="Q78" s="98">
        <v>0.94599999999999995</v>
      </c>
      <c r="R78" s="94">
        <v>4.8724676876704835E-2</v>
      </c>
      <c r="S78" s="98">
        <v>4.2999999999999997E-2</v>
      </c>
      <c r="T78" s="94">
        <v>4.515180625195047E-2</v>
      </c>
      <c r="U78" s="98">
        <v>0.01</v>
      </c>
      <c r="V78" s="94">
        <v>3.135969073277025E-2</v>
      </c>
    </row>
    <row r="79" spans="1:22">
      <c r="A79" s="49" t="s">
        <v>447</v>
      </c>
      <c r="B79" s="151">
        <v>90</v>
      </c>
      <c r="C79" s="153">
        <v>0.309</v>
      </c>
      <c r="D79" s="97">
        <v>9.5995945638519278E-2</v>
      </c>
      <c r="E79" s="153">
        <v>0.35499999999999998</v>
      </c>
      <c r="F79" s="97">
        <v>9.9086527881003014E-2</v>
      </c>
      <c r="G79" s="153">
        <v>0.33700000000000002</v>
      </c>
      <c r="H79" s="97">
        <v>9.7989161587400855E-2</v>
      </c>
      <c r="I79" s="151">
        <v>89</v>
      </c>
      <c r="J79" s="153">
        <v>0.79500000000000004</v>
      </c>
      <c r="K79" s="97">
        <v>8.558465137130411E-2</v>
      </c>
      <c r="L79" s="153">
        <v>0.14499999999999999</v>
      </c>
      <c r="M79" s="97">
        <v>7.6082220221393229E-2</v>
      </c>
      <c r="N79" s="153">
        <v>0.06</v>
      </c>
      <c r="O79" s="97">
        <v>5.5916842247251845E-2</v>
      </c>
      <c r="P79" s="151">
        <v>90</v>
      </c>
      <c r="Q79" s="153">
        <v>0.82899999999999996</v>
      </c>
      <c r="R79" s="97">
        <v>8.0099671951940676E-2</v>
      </c>
      <c r="S79" s="153">
        <v>0.13600000000000001</v>
      </c>
      <c r="T79" s="97">
        <v>7.395810631075371E-2</v>
      </c>
      <c r="U79" s="153">
        <v>3.5000000000000003E-2</v>
      </c>
      <c r="V79" s="97">
        <v>4.6942968126576244E-2</v>
      </c>
    </row>
    <row r="80" spans="1:22" ht="27" customHeight="1">
      <c r="A80" s="57" t="s">
        <v>448</v>
      </c>
      <c r="B80" s="83">
        <v>127</v>
      </c>
      <c r="C80" s="98">
        <v>0.23300000000000001</v>
      </c>
      <c r="D80" s="94">
        <v>7.4751100614491833E-2</v>
      </c>
      <c r="E80" s="98">
        <v>0.41099999999999998</v>
      </c>
      <c r="F80" s="94">
        <v>8.6059688158312692E-2</v>
      </c>
      <c r="G80" s="98">
        <v>0.35599999999999998</v>
      </c>
      <c r="H80" s="94">
        <v>8.3895789132989868E-2</v>
      </c>
      <c r="I80" s="83">
        <v>128</v>
      </c>
      <c r="J80" s="98">
        <v>0.84599999999999997</v>
      </c>
      <c r="K80" s="94">
        <v>6.4533191625133574E-2</v>
      </c>
      <c r="L80" s="98">
        <v>0.13300000000000001</v>
      </c>
      <c r="M80" s="94">
        <v>6.1138265639382162E-2</v>
      </c>
      <c r="N80" s="98">
        <v>2.1000000000000001E-2</v>
      </c>
      <c r="O80" s="94">
        <v>3.2217925336214932E-2</v>
      </c>
      <c r="P80" s="83">
        <v>127</v>
      </c>
      <c r="Q80" s="98">
        <v>0.89900000000000002</v>
      </c>
      <c r="R80" s="94">
        <v>5.5360792465051205E-2</v>
      </c>
      <c r="S80" s="98">
        <v>0.08</v>
      </c>
      <c r="T80" s="94">
        <v>5.0707378791764485E-2</v>
      </c>
      <c r="U80" s="98">
        <v>2.1000000000000001E-2</v>
      </c>
      <c r="V80" s="94">
        <v>3.238921014661008E-2</v>
      </c>
    </row>
    <row r="81" spans="1:22">
      <c r="A81" s="49" t="s">
        <v>457</v>
      </c>
      <c r="B81" s="151">
        <v>645</v>
      </c>
      <c r="C81" s="153">
        <v>0.318</v>
      </c>
      <c r="D81" s="97">
        <v>3.6594900576643684E-2</v>
      </c>
      <c r="E81" s="153">
        <v>0.41299999999999998</v>
      </c>
      <c r="F81" s="97">
        <v>3.8662062638551382E-2</v>
      </c>
      <c r="G81" s="153">
        <v>0.26800000000000002</v>
      </c>
      <c r="H81" s="97">
        <v>3.4830642457533686E-2</v>
      </c>
      <c r="I81" s="151">
        <v>644</v>
      </c>
      <c r="J81" s="153">
        <v>0.80500000000000005</v>
      </c>
      <c r="K81" s="97">
        <v>3.1241780367930846E-2</v>
      </c>
      <c r="L81" s="153">
        <v>0.13300000000000001</v>
      </c>
      <c r="M81" s="97">
        <v>2.6870596966667114E-2</v>
      </c>
      <c r="N81" s="153">
        <v>6.2E-2</v>
      </c>
      <c r="O81" s="97">
        <v>1.9327766508688071E-2</v>
      </c>
      <c r="P81" s="151">
        <v>644</v>
      </c>
      <c r="Q81" s="153">
        <v>0.90300000000000002</v>
      </c>
      <c r="R81" s="97">
        <v>2.351645876994166E-2</v>
      </c>
      <c r="S81" s="153">
        <v>6.8000000000000005E-2</v>
      </c>
      <c r="T81" s="97">
        <v>2.0134254468885424E-2</v>
      </c>
      <c r="U81" s="153">
        <v>0.03</v>
      </c>
      <c r="V81" s="97">
        <v>1.4014706414169555E-2</v>
      </c>
    </row>
    <row r="82" spans="1:22">
      <c r="A82" s="57" t="s">
        <v>449</v>
      </c>
      <c r="B82" s="83">
        <v>122</v>
      </c>
      <c r="C82" s="98">
        <v>0.26900000000000002</v>
      </c>
      <c r="D82" s="94">
        <v>7.9676572849382329E-2</v>
      </c>
      <c r="E82" s="98">
        <v>0.26900000000000002</v>
      </c>
      <c r="F82" s="94">
        <v>7.9676572849382329E-2</v>
      </c>
      <c r="G82" s="98">
        <v>0.46100000000000002</v>
      </c>
      <c r="H82" s="94">
        <v>8.8832647821665348E-2</v>
      </c>
      <c r="I82" s="83">
        <v>122</v>
      </c>
      <c r="J82" s="98">
        <v>0.88600000000000001</v>
      </c>
      <c r="K82" s="94">
        <v>5.9177940912185908E-2</v>
      </c>
      <c r="L82" s="98">
        <v>6.7000000000000004E-2</v>
      </c>
      <c r="M82" s="94">
        <v>4.8542604459627298E-2</v>
      </c>
      <c r="N82" s="98">
        <v>4.7E-2</v>
      </c>
      <c r="O82" s="94">
        <v>4.2766746860244613E-2</v>
      </c>
      <c r="P82" s="83">
        <v>122</v>
      </c>
      <c r="Q82" s="98">
        <v>0.91400000000000003</v>
      </c>
      <c r="R82" s="94">
        <v>5.3248012414030085E-2</v>
      </c>
      <c r="S82" s="98">
        <v>0.03</v>
      </c>
      <c r="T82" s="94">
        <v>3.6905185887133422E-2</v>
      </c>
      <c r="U82" s="98">
        <v>5.6000000000000001E-2</v>
      </c>
      <c r="V82" s="94">
        <v>4.548919135236832E-2</v>
      </c>
    </row>
    <row r="83" spans="1:22">
      <c r="A83" s="49" t="s">
        <v>450</v>
      </c>
      <c r="B83" s="151">
        <v>96</v>
      </c>
      <c r="C83" s="153">
        <v>0.17699999999999999</v>
      </c>
      <c r="D83" s="97">
        <v>7.844753497720626E-2</v>
      </c>
      <c r="E83" s="153">
        <v>0.63700000000000001</v>
      </c>
      <c r="F83" s="97">
        <v>9.647849285721663E-2</v>
      </c>
      <c r="G83" s="153">
        <v>0.186</v>
      </c>
      <c r="H83" s="97">
        <v>7.9783187802945049E-2</v>
      </c>
      <c r="I83" s="151">
        <v>96</v>
      </c>
      <c r="J83" s="153">
        <v>0.73399999999999999</v>
      </c>
      <c r="K83" s="97">
        <v>8.9339100152173015E-2</v>
      </c>
      <c r="L83" s="153">
        <v>0.153</v>
      </c>
      <c r="M83" s="97">
        <v>7.457373950661185E-2</v>
      </c>
      <c r="N83" s="153">
        <v>0.113</v>
      </c>
      <c r="O83" s="97">
        <v>6.6924700851031083E-2</v>
      </c>
      <c r="P83" s="151">
        <v>95</v>
      </c>
      <c r="Q83" s="153">
        <v>0.94399999999999995</v>
      </c>
      <c r="R83" s="97">
        <v>5.2598098810849835E-2</v>
      </c>
      <c r="S83" s="153">
        <v>5.6000000000000001E-2</v>
      </c>
      <c r="T83" s="97">
        <v>5.2598098810849821E-2</v>
      </c>
      <c r="U83" s="153">
        <v>1E-3</v>
      </c>
      <c r="V83" s="97">
        <v>2.8929592107683665E-2</v>
      </c>
    </row>
    <row r="84" spans="1:22" ht="25.5">
      <c r="A84" s="57" t="s">
        <v>451</v>
      </c>
      <c r="B84" s="83">
        <v>162</v>
      </c>
      <c r="C84" s="98">
        <v>0.27200000000000002</v>
      </c>
      <c r="D84" s="94">
        <v>6.9506187510094394E-2</v>
      </c>
      <c r="E84" s="98">
        <v>0.38800000000000001</v>
      </c>
      <c r="F84" s="94">
        <v>7.5737855859816072E-2</v>
      </c>
      <c r="G84" s="98">
        <v>0.34</v>
      </c>
      <c r="H84" s="94">
        <v>7.3733298401016945E-2</v>
      </c>
      <c r="I84" s="83">
        <v>163</v>
      </c>
      <c r="J84" s="98">
        <v>0.84499999999999997</v>
      </c>
      <c r="K84" s="94">
        <v>5.7201924388773855E-2</v>
      </c>
      <c r="L84" s="98">
        <v>0.126</v>
      </c>
      <c r="M84" s="94">
        <v>5.2879798037571625E-2</v>
      </c>
      <c r="N84" s="98">
        <v>2.9000000000000001E-2</v>
      </c>
      <c r="O84" s="94">
        <v>3.0429595957746226E-2</v>
      </c>
      <c r="P84" s="83">
        <v>163</v>
      </c>
      <c r="Q84" s="98">
        <v>0.89100000000000001</v>
      </c>
      <c r="R84" s="94">
        <v>4.9995193169299304E-2</v>
      </c>
      <c r="S84" s="98">
        <v>8.4000000000000005E-2</v>
      </c>
      <c r="T84" s="94">
        <v>4.5157031416852546E-2</v>
      </c>
      <c r="U84" s="98">
        <v>2.5000000000000001E-2</v>
      </c>
      <c r="V84" s="94">
        <v>2.8976117160593857E-2</v>
      </c>
    </row>
    <row r="85" spans="1:22">
      <c r="A85" s="49" t="s">
        <v>452</v>
      </c>
      <c r="B85" s="151">
        <v>75</v>
      </c>
      <c r="C85" s="153">
        <v>0.31</v>
      </c>
      <c r="D85" s="97">
        <v>0.10493232223533572</v>
      </c>
      <c r="E85" s="153">
        <v>0.439</v>
      </c>
      <c r="F85" s="97">
        <v>0.11175159402022462</v>
      </c>
      <c r="G85" s="153">
        <v>0.251</v>
      </c>
      <c r="H85" s="97">
        <v>9.9140261419611991E-2</v>
      </c>
      <c r="I85" s="151">
        <v>74</v>
      </c>
      <c r="J85" s="153">
        <v>0.81</v>
      </c>
      <c r="K85" s="97">
        <v>9.1568576456509621E-2</v>
      </c>
      <c r="L85" s="153">
        <v>0.153</v>
      </c>
      <c r="M85" s="97">
        <v>8.5221877401691751E-2</v>
      </c>
      <c r="N85" s="153">
        <v>3.6999999999999998E-2</v>
      </c>
      <c r="O85" s="97">
        <v>5.4090999321728096E-2</v>
      </c>
      <c r="P85" s="151">
        <v>74</v>
      </c>
      <c r="Q85" s="153">
        <v>0.86899999999999999</v>
      </c>
      <c r="R85" s="97">
        <v>8.0843675657373271E-2</v>
      </c>
      <c r="S85" s="153">
        <v>0.13</v>
      </c>
      <c r="T85" s="97">
        <v>8.0632435842368885E-2</v>
      </c>
      <c r="U85" s="153">
        <v>0</v>
      </c>
      <c r="V85" s="97">
        <v>3.5793971305236552E-2</v>
      </c>
    </row>
    <row r="86" spans="1:22">
      <c r="A86" s="57" t="s">
        <v>453</v>
      </c>
      <c r="B86" s="83">
        <v>78</v>
      </c>
      <c r="C86" s="98">
        <v>0.38100000000000001</v>
      </c>
      <c r="D86" s="94">
        <v>0.10756435722257074</v>
      </c>
      <c r="E86" s="98">
        <v>0.41</v>
      </c>
      <c r="F86" s="94">
        <v>0.1088007733251113</v>
      </c>
      <c r="G86" s="98">
        <v>0.20899999999999999</v>
      </c>
      <c r="H86" s="94">
        <v>9.1964749208569646E-2</v>
      </c>
      <c r="I86" s="83">
        <v>77</v>
      </c>
      <c r="J86" s="98">
        <v>0.82899999999999996</v>
      </c>
      <c r="K86" s="94">
        <v>8.6691024193963948E-2</v>
      </c>
      <c r="L86" s="98">
        <v>0.16</v>
      </c>
      <c r="M86" s="94">
        <v>8.4775775629459427E-2</v>
      </c>
      <c r="N86" s="98">
        <v>1.2E-2</v>
      </c>
      <c r="O86" s="94">
        <v>4.1452423757563875E-2</v>
      </c>
      <c r="P86" s="83">
        <v>78</v>
      </c>
      <c r="Q86" s="98">
        <v>0.91200000000000003</v>
      </c>
      <c r="R86" s="94">
        <v>6.8578770193873442E-2</v>
      </c>
      <c r="S86" s="98">
        <v>7.0000000000000007E-2</v>
      </c>
      <c r="T86" s="94">
        <v>6.3514564561940198E-2</v>
      </c>
      <c r="U86" s="98">
        <v>1.9E-2</v>
      </c>
      <c r="V86" s="94">
        <v>4.4535693030917818E-2</v>
      </c>
    </row>
    <row r="87" spans="1:22">
      <c r="A87" s="49" t="s">
        <v>454</v>
      </c>
      <c r="B87" s="151">
        <v>112</v>
      </c>
      <c r="C87" s="153">
        <v>0.46400000000000002</v>
      </c>
      <c r="D87" s="97">
        <v>9.2623047382788204E-2</v>
      </c>
      <c r="E87" s="153">
        <v>0.34899999999999998</v>
      </c>
      <c r="F87" s="97">
        <v>8.881293222601909E-2</v>
      </c>
      <c r="G87" s="153">
        <v>0.187</v>
      </c>
      <c r="H87" s="97">
        <v>7.3969003684575943E-2</v>
      </c>
      <c r="I87" s="151">
        <v>112</v>
      </c>
      <c r="J87" s="153">
        <v>0.752</v>
      </c>
      <c r="K87" s="97">
        <v>8.1112964247162217E-2</v>
      </c>
      <c r="L87" s="153">
        <v>0.14299999999999999</v>
      </c>
      <c r="M87" s="97">
        <v>6.725890317097688E-2</v>
      </c>
      <c r="N87" s="153">
        <v>0.106</v>
      </c>
      <c r="O87" s="97">
        <v>6.0253872680416334E-2</v>
      </c>
      <c r="P87" s="151">
        <v>112</v>
      </c>
      <c r="Q87" s="153">
        <v>0.88100000000000001</v>
      </c>
      <c r="R87" s="97">
        <v>6.2883992320947643E-2</v>
      </c>
      <c r="S87" s="153">
        <v>6.0999999999999999E-2</v>
      </c>
      <c r="T87" s="97">
        <v>4.9249871868298621E-2</v>
      </c>
      <c r="U87" s="153">
        <v>5.7000000000000002E-2</v>
      </c>
      <c r="V87" s="97">
        <v>4.8084717563309246E-2</v>
      </c>
    </row>
    <row r="88" spans="1:22" s="249" customFormat="1">
      <c r="A88" s="242"/>
      <c r="B88" s="250"/>
      <c r="C88" s="251"/>
      <c r="D88" s="248"/>
      <c r="E88" s="252"/>
      <c r="F88" s="248"/>
      <c r="G88" s="252"/>
      <c r="H88" s="248"/>
      <c r="I88" s="250"/>
      <c r="J88" s="252"/>
      <c r="K88" s="248"/>
      <c r="L88" s="252"/>
      <c r="M88" s="248"/>
      <c r="N88" s="252"/>
      <c r="O88" s="248"/>
    </row>
    <row r="89" spans="1:22" s="249" customFormat="1">
      <c r="A89" s="242"/>
      <c r="B89" s="250"/>
      <c r="C89" s="251"/>
      <c r="D89" s="248"/>
      <c r="E89" s="252"/>
      <c r="F89" s="248"/>
      <c r="G89" s="252"/>
      <c r="H89" s="248"/>
      <c r="I89" s="250"/>
      <c r="J89" s="252"/>
      <c r="K89" s="248"/>
      <c r="L89" s="252"/>
      <c r="M89" s="248"/>
      <c r="N89" s="252"/>
      <c r="O89" s="248"/>
    </row>
    <row r="90" spans="1:22" ht="18.75">
      <c r="A90" s="321" t="s">
        <v>230</v>
      </c>
      <c r="B90" s="321"/>
      <c r="C90" s="321"/>
      <c r="D90" s="321"/>
      <c r="E90" s="321"/>
      <c r="F90" s="321"/>
      <c r="G90" s="321"/>
      <c r="H90" s="321"/>
      <c r="I90" s="321"/>
      <c r="J90" s="230"/>
      <c r="K90" s="230"/>
    </row>
    <row r="91" spans="1:22" ht="67.5" customHeight="1">
      <c r="A91" s="370" t="s">
        <v>491</v>
      </c>
      <c r="B91" s="370"/>
      <c r="C91" s="370"/>
      <c r="D91" s="370"/>
      <c r="E91" s="370"/>
      <c r="F91" s="370"/>
      <c r="G91" s="370"/>
      <c r="H91" s="370"/>
      <c r="I91" s="370"/>
      <c r="J91" s="230"/>
      <c r="K91" s="230"/>
    </row>
    <row r="92" spans="1:22" ht="24" customHeight="1">
      <c r="A92" s="372" t="s">
        <v>230</v>
      </c>
      <c r="B92" s="372"/>
      <c r="C92" s="372"/>
      <c r="D92" s="372"/>
      <c r="E92" s="374" t="s">
        <v>231</v>
      </c>
      <c r="F92" s="375"/>
      <c r="G92" s="375"/>
      <c r="H92" s="375"/>
      <c r="I92" s="376"/>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4</v>
      </c>
      <c r="D94" s="44" t="s">
        <v>91</v>
      </c>
      <c r="E94" s="42" t="s">
        <v>89</v>
      </c>
      <c r="F94" s="42" t="s">
        <v>232</v>
      </c>
      <c r="G94" s="91" t="s">
        <v>104</v>
      </c>
      <c r="H94" s="42" t="s">
        <v>234</v>
      </c>
      <c r="I94" s="91" t="s">
        <v>104</v>
      </c>
    </row>
    <row r="95" spans="1:22">
      <c r="A95" s="45" t="s">
        <v>436</v>
      </c>
      <c r="B95" s="145">
        <v>9248</v>
      </c>
      <c r="C95" s="84">
        <v>11.39</v>
      </c>
      <c r="D95" s="85">
        <v>9.8000000000000004E-2</v>
      </c>
      <c r="E95" s="83">
        <v>9248</v>
      </c>
      <c r="F95" s="98">
        <v>0.90700000000000003</v>
      </c>
      <c r="G95" s="94">
        <v>6.0440164559000106E-3</v>
      </c>
      <c r="H95" s="98">
        <v>9.2999999999999999E-2</v>
      </c>
      <c r="I95" s="94">
        <v>6.0440164559000097E-3</v>
      </c>
    </row>
    <row r="96" spans="1:22">
      <c r="A96" s="49" t="s">
        <v>437</v>
      </c>
      <c r="B96" s="49">
        <v>8621</v>
      </c>
      <c r="C96" s="147">
        <v>11.39166</v>
      </c>
      <c r="D96" s="148">
        <v>0.101354736</v>
      </c>
      <c r="E96" s="125">
        <v>8621</v>
      </c>
      <c r="F96" s="149">
        <v>0.90700000000000003</v>
      </c>
      <c r="G96" s="97">
        <v>6.2602351142158766E-3</v>
      </c>
      <c r="H96" s="149">
        <v>9.2899999999999996E-2</v>
      </c>
      <c r="I96" s="97">
        <v>6.2572216945133638E-3</v>
      </c>
    </row>
    <row r="97" spans="1:9">
      <c r="A97" s="45" t="s">
        <v>438</v>
      </c>
      <c r="B97" s="53">
        <v>824</v>
      </c>
      <c r="C97" s="84">
        <v>12.37</v>
      </c>
      <c r="D97" s="85">
        <v>0.3332</v>
      </c>
      <c r="E97" s="83">
        <v>824</v>
      </c>
      <c r="F97" s="98">
        <v>0.87990000000000002</v>
      </c>
      <c r="G97" s="94">
        <v>2.2742738574537093E-2</v>
      </c>
      <c r="H97" s="98">
        <v>0.1201</v>
      </c>
      <c r="I97" s="94">
        <v>2.2742738574537097E-2</v>
      </c>
    </row>
    <row r="98" spans="1:9">
      <c r="A98" s="49" t="s">
        <v>439</v>
      </c>
      <c r="B98" s="49">
        <v>3523</v>
      </c>
      <c r="C98" s="147">
        <v>11.17</v>
      </c>
      <c r="D98" s="148">
        <v>0.13720000000000002</v>
      </c>
      <c r="E98" s="125">
        <v>3523</v>
      </c>
      <c r="F98" s="149">
        <v>0.91800000000000004</v>
      </c>
      <c r="G98" s="97">
        <v>9.2639269573028885E-3</v>
      </c>
      <c r="H98" s="149">
        <v>8.2000000000000003E-2</v>
      </c>
      <c r="I98" s="97">
        <v>9.2639269573028919E-3</v>
      </c>
    </row>
    <row r="99" spans="1:9">
      <c r="A99" s="45" t="s">
        <v>440</v>
      </c>
      <c r="B99" s="53">
        <v>3269</v>
      </c>
      <c r="C99" s="84">
        <v>11.19</v>
      </c>
      <c r="D99" s="85">
        <v>0.15679999999999999</v>
      </c>
      <c r="E99" s="83">
        <v>3269</v>
      </c>
      <c r="F99" s="98">
        <v>0.91500000000000004</v>
      </c>
      <c r="G99" s="94">
        <v>9.7757128188066984E-3</v>
      </c>
      <c r="H99" s="98">
        <v>8.5000000000000006E-2</v>
      </c>
      <c r="I99" s="94">
        <v>9.7757128188067036E-3</v>
      </c>
    </row>
    <row r="100" spans="1:9">
      <c r="A100" s="49" t="s">
        <v>455</v>
      </c>
      <c r="B100" s="49">
        <v>555</v>
      </c>
      <c r="C100" s="147">
        <v>11.21</v>
      </c>
      <c r="D100" s="148">
        <v>0.3528</v>
      </c>
      <c r="E100" s="125">
        <v>555</v>
      </c>
      <c r="F100" s="149">
        <v>0.91</v>
      </c>
      <c r="G100" s="97">
        <v>2.4560118240281311E-2</v>
      </c>
      <c r="H100" s="149">
        <v>0.09</v>
      </c>
      <c r="I100" s="97">
        <v>2.4560118240281311E-2</v>
      </c>
    </row>
    <row r="101" spans="1:9">
      <c r="A101" s="45" t="s">
        <v>441</v>
      </c>
      <c r="B101" s="53">
        <v>112</v>
      </c>
      <c r="C101" s="84">
        <v>11.45</v>
      </c>
      <c r="D101" s="85">
        <v>0.80359999999999998</v>
      </c>
      <c r="E101" s="83">
        <v>112</v>
      </c>
      <c r="F101" s="98">
        <v>0.86799999999999999</v>
      </c>
      <c r="G101" s="94">
        <v>6.5325328788515477E-2</v>
      </c>
      <c r="H101" s="98">
        <v>0.13200000000000001</v>
      </c>
      <c r="I101" s="94">
        <v>6.5325328788515463E-2</v>
      </c>
    </row>
    <row r="102" spans="1:9">
      <c r="A102" s="49" t="s">
        <v>442</v>
      </c>
      <c r="B102" s="49">
        <v>171</v>
      </c>
      <c r="C102" s="147">
        <v>10.97</v>
      </c>
      <c r="D102" s="148">
        <v>0.60760000000000003</v>
      </c>
      <c r="E102" s="125">
        <v>171</v>
      </c>
      <c r="F102" s="149">
        <v>0.92900000000000005</v>
      </c>
      <c r="G102" s="97">
        <v>4.1203647778734975E-2</v>
      </c>
      <c r="H102" s="149">
        <v>7.0999999999999994E-2</v>
      </c>
      <c r="I102" s="97">
        <v>4.1203647778734982E-2</v>
      </c>
    </row>
    <row r="103" spans="1:9">
      <c r="A103" s="45" t="s">
        <v>443</v>
      </c>
      <c r="B103" s="53">
        <v>134</v>
      </c>
      <c r="C103" s="84">
        <v>10.86</v>
      </c>
      <c r="D103" s="85">
        <v>0.7056</v>
      </c>
      <c r="E103" s="83">
        <v>134</v>
      </c>
      <c r="F103" s="98">
        <v>0.93700000000000006</v>
      </c>
      <c r="G103" s="94">
        <v>4.5025346234567401E-2</v>
      </c>
      <c r="H103" s="98">
        <v>6.3E-2</v>
      </c>
      <c r="I103" s="94">
        <v>4.5025346234567401E-2</v>
      </c>
    </row>
    <row r="104" spans="1:9">
      <c r="A104" s="49" t="s">
        <v>444</v>
      </c>
      <c r="B104" s="49">
        <v>138</v>
      </c>
      <c r="C104" s="147">
        <v>11.55</v>
      </c>
      <c r="D104" s="148">
        <v>0.74480000000000002</v>
      </c>
      <c r="E104" s="125">
        <v>138</v>
      </c>
      <c r="F104" s="149">
        <v>0.89600000000000002</v>
      </c>
      <c r="G104" s="97">
        <v>5.3574818493964484E-2</v>
      </c>
      <c r="H104" s="149">
        <v>0.104</v>
      </c>
      <c r="I104" s="97">
        <v>5.3574818493964456E-2</v>
      </c>
    </row>
    <row r="105" spans="1:9">
      <c r="A105" s="45" t="s">
        <v>456</v>
      </c>
      <c r="B105" s="145">
        <v>511</v>
      </c>
      <c r="C105" s="84">
        <v>10.84</v>
      </c>
      <c r="D105" s="85">
        <v>0.37240000000000001</v>
      </c>
      <c r="E105" s="83">
        <v>511</v>
      </c>
      <c r="F105" s="98">
        <v>0.91600000000000004</v>
      </c>
      <c r="G105" s="94">
        <v>2.4868088295718419E-2</v>
      </c>
      <c r="H105" s="98">
        <v>8.4000000000000005E-2</v>
      </c>
      <c r="I105" s="94">
        <v>2.4868088295718425E-2</v>
      </c>
    </row>
    <row r="106" spans="1:9" ht="25.5">
      <c r="A106" s="49" t="s">
        <v>445</v>
      </c>
      <c r="B106" s="146">
        <v>171</v>
      </c>
      <c r="C106" s="147">
        <v>11.27</v>
      </c>
      <c r="D106" s="148">
        <v>0.66639999999999999</v>
      </c>
      <c r="E106" s="125">
        <v>171</v>
      </c>
      <c r="F106" s="149">
        <v>0.92900000000000005</v>
      </c>
      <c r="G106" s="97">
        <v>4.1203647778734975E-2</v>
      </c>
      <c r="H106" s="149">
        <v>7.0999999999999994E-2</v>
      </c>
      <c r="I106" s="97">
        <v>4.1203647778734982E-2</v>
      </c>
    </row>
    <row r="107" spans="1:9">
      <c r="A107" s="45" t="s">
        <v>446</v>
      </c>
      <c r="B107" s="83">
        <v>114</v>
      </c>
      <c r="C107" s="84">
        <v>9.98</v>
      </c>
      <c r="D107" s="85">
        <v>0.7056</v>
      </c>
      <c r="E107" s="83">
        <v>114</v>
      </c>
      <c r="F107" s="98">
        <v>0.95899999999999996</v>
      </c>
      <c r="G107" s="94">
        <v>4.2530294337559692E-2</v>
      </c>
      <c r="H107" s="98">
        <v>4.1000000000000002E-2</v>
      </c>
      <c r="I107" s="94">
        <v>4.2530294337559678E-2</v>
      </c>
    </row>
    <row r="108" spans="1:9">
      <c r="A108" s="49" t="s">
        <v>447</v>
      </c>
      <c r="B108" s="146">
        <v>95</v>
      </c>
      <c r="C108" s="147">
        <v>11.33</v>
      </c>
      <c r="D108" s="148">
        <v>0.90160000000000007</v>
      </c>
      <c r="E108" s="125">
        <v>95</v>
      </c>
      <c r="F108" s="149">
        <v>0.88300000000000001</v>
      </c>
      <c r="G108" s="97">
        <v>6.8142805709403148E-2</v>
      </c>
      <c r="H108" s="149">
        <v>0.11700000000000001</v>
      </c>
      <c r="I108" s="97">
        <v>6.8142805709403176E-2</v>
      </c>
    </row>
    <row r="109" spans="1:9">
      <c r="A109" s="57" t="s">
        <v>448</v>
      </c>
      <c r="B109" s="145">
        <v>131</v>
      </c>
      <c r="C109" s="84">
        <v>10.73</v>
      </c>
      <c r="D109" s="85">
        <v>0.68599999999999994</v>
      </c>
      <c r="E109" s="83">
        <v>131</v>
      </c>
      <c r="F109" s="98">
        <v>0.86699999999999999</v>
      </c>
      <c r="G109" s="94">
        <v>6.0411999024820154E-2</v>
      </c>
      <c r="H109" s="98">
        <v>0.13300000000000001</v>
      </c>
      <c r="I109" s="94">
        <v>6.0411999024820168E-2</v>
      </c>
    </row>
    <row r="110" spans="1:9">
      <c r="A110" s="49" t="s">
        <v>457</v>
      </c>
      <c r="B110" s="146">
        <v>725</v>
      </c>
      <c r="C110" s="147">
        <v>11.27</v>
      </c>
      <c r="D110" s="148">
        <v>0.3332</v>
      </c>
      <c r="E110" s="125">
        <v>725</v>
      </c>
      <c r="F110" s="149">
        <v>0.90400000000000003</v>
      </c>
      <c r="G110" s="97">
        <v>2.2044998022950558E-2</v>
      </c>
      <c r="H110" s="149">
        <v>9.6000000000000002E-2</v>
      </c>
      <c r="I110" s="97">
        <v>2.2044998022950561E-2</v>
      </c>
    </row>
    <row r="111" spans="1:9">
      <c r="A111" s="57" t="s">
        <v>449</v>
      </c>
      <c r="B111" s="145">
        <v>131</v>
      </c>
      <c r="C111" s="84">
        <v>11.37</v>
      </c>
      <c r="D111" s="85">
        <v>0.82319999999999993</v>
      </c>
      <c r="E111" s="83">
        <v>131</v>
      </c>
      <c r="F111" s="98">
        <v>0.83199999999999996</v>
      </c>
      <c r="G111" s="94">
        <v>6.5819286894169743E-2</v>
      </c>
      <c r="H111" s="98">
        <v>0.16800000000000001</v>
      </c>
      <c r="I111" s="94">
        <v>6.5819286894169729E-2</v>
      </c>
    </row>
    <row r="112" spans="1:9">
      <c r="A112" s="49" t="s">
        <v>450</v>
      </c>
      <c r="B112" s="146">
        <v>106</v>
      </c>
      <c r="C112" s="147">
        <v>10.95</v>
      </c>
      <c r="D112" s="148">
        <v>0.80359999999999998</v>
      </c>
      <c r="E112" s="125">
        <v>106</v>
      </c>
      <c r="F112" s="149">
        <v>0.94699999999999995</v>
      </c>
      <c r="G112" s="97">
        <v>4.8414255371900854E-2</v>
      </c>
      <c r="H112" s="149">
        <v>5.2999999999999999E-2</v>
      </c>
      <c r="I112" s="97">
        <v>4.8414255371900819E-2</v>
      </c>
    </row>
    <row r="113" spans="1:9" ht="25.5">
      <c r="A113" s="57" t="s">
        <v>451</v>
      </c>
      <c r="B113" s="145">
        <v>186</v>
      </c>
      <c r="C113" s="84">
        <v>9.84</v>
      </c>
      <c r="D113" s="85">
        <v>0.60760000000000003</v>
      </c>
      <c r="E113" s="83">
        <v>186</v>
      </c>
      <c r="F113" s="98">
        <v>0.96899999999999997</v>
      </c>
      <c r="G113" s="94">
        <v>2.8728502681257879E-2</v>
      </c>
      <c r="H113" s="98">
        <v>3.1E-2</v>
      </c>
      <c r="I113" s="94">
        <v>2.8728502681257893E-2</v>
      </c>
    </row>
    <row r="114" spans="1:9">
      <c r="A114" s="49" t="s">
        <v>452</v>
      </c>
      <c r="B114" s="146">
        <v>83</v>
      </c>
      <c r="C114" s="147">
        <v>10.41</v>
      </c>
      <c r="D114" s="148">
        <v>0.76439999999999997</v>
      </c>
      <c r="E114" s="125">
        <v>83</v>
      </c>
      <c r="F114" s="149">
        <v>0.95099999999999996</v>
      </c>
      <c r="G114" s="97">
        <v>5.461361616579067E-2</v>
      </c>
      <c r="H114" s="149">
        <v>4.9000000000000002E-2</v>
      </c>
      <c r="I114" s="97">
        <v>5.4613616165790656E-2</v>
      </c>
    </row>
    <row r="115" spans="1:9">
      <c r="A115" s="57" t="s">
        <v>453</v>
      </c>
      <c r="B115" s="145">
        <v>90</v>
      </c>
      <c r="C115" s="84">
        <v>11.81</v>
      </c>
      <c r="D115" s="85">
        <v>0.98</v>
      </c>
      <c r="E115" s="83">
        <v>90</v>
      </c>
      <c r="F115" s="98">
        <v>0.90700000000000003</v>
      </c>
      <c r="G115" s="94">
        <v>6.462620320758819E-2</v>
      </c>
      <c r="H115" s="98">
        <v>9.2999999999999999E-2</v>
      </c>
      <c r="I115" s="94">
        <v>6.4626203207588176E-2</v>
      </c>
    </row>
    <row r="116" spans="1:9">
      <c r="A116" s="49" t="s">
        <v>454</v>
      </c>
      <c r="B116" s="146">
        <v>129</v>
      </c>
      <c r="C116" s="147">
        <v>12.92</v>
      </c>
      <c r="D116" s="148">
        <v>0.88200000000000001</v>
      </c>
      <c r="E116" s="125">
        <v>129</v>
      </c>
      <c r="F116" s="149">
        <v>0.82799999999999996</v>
      </c>
      <c r="G116" s="97">
        <v>6.6894576804712433E-2</v>
      </c>
      <c r="H116" s="149">
        <v>0.17199999999999999</v>
      </c>
      <c r="I116" s="97">
        <v>6.6894576804712433E-2</v>
      </c>
    </row>
    <row r="119" spans="1:9" ht="18.75">
      <c r="A119" s="321" t="s">
        <v>431</v>
      </c>
      <c r="B119" s="321"/>
      <c r="C119" s="321"/>
      <c r="D119" s="321"/>
    </row>
    <row r="120" spans="1:9" ht="86.25" customHeight="1">
      <c r="A120" s="373" t="s">
        <v>492</v>
      </c>
      <c r="B120" s="373"/>
      <c r="C120" s="373"/>
      <c r="D120" s="373"/>
    </row>
    <row r="121" spans="1:9" ht="32.25" customHeight="1">
      <c r="A121" s="377" t="s">
        <v>138</v>
      </c>
      <c r="B121" s="372"/>
      <c r="C121" s="372"/>
      <c r="D121" s="372"/>
    </row>
    <row r="122" spans="1:9" ht="37.5" customHeight="1">
      <c r="A122" s="37" t="s">
        <v>85</v>
      </c>
      <c r="B122" s="38" t="s">
        <v>86</v>
      </c>
      <c r="C122" s="39" t="s">
        <v>87</v>
      </c>
      <c r="D122" s="40" t="s">
        <v>88</v>
      </c>
    </row>
    <row r="123" spans="1:9" ht="84">
      <c r="A123" s="41"/>
      <c r="B123" s="42" t="s">
        <v>89</v>
      </c>
      <c r="C123" s="43" t="s">
        <v>139</v>
      </c>
      <c r="D123" s="44" t="s">
        <v>91</v>
      </c>
    </row>
    <row r="124" spans="1:9">
      <c r="A124" s="45" t="s">
        <v>436</v>
      </c>
      <c r="B124" s="145">
        <v>7011</v>
      </c>
      <c r="C124" s="84">
        <v>5.12</v>
      </c>
      <c r="D124" s="85">
        <v>3.9199999999999999E-2</v>
      </c>
    </row>
    <row r="125" spans="1:9">
      <c r="A125" s="49" t="s">
        <v>437</v>
      </c>
      <c r="B125" s="146">
        <v>6498</v>
      </c>
      <c r="C125" s="147">
        <v>5.1043620000000001</v>
      </c>
      <c r="D125" s="148">
        <v>3.7689623999999998E-2</v>
      </c>
    </row>
    <row r="126" spans="1:9">
      <c r="A126" s="45" t="s">
        <v>438</v>
      </c>
      <c r="B126" s="145">
        <v>621</v>
      </c>
      <c r="C126" s="84">
        <v>4.87</v>
      </c>
      <c r="D126" s="85">
        <v>0.1176</v>
      </c>
    </row>
    <row r="127" spans="1:9">
      <c r="A127" s="49" t="s">
        <v>439</v>
      </c>
      <c r="B127" s="146">
        <v>2543</v>
      </c>
      <c r="C127" s="147">
        <v>5.2</v>
      </c>
      <c r="D127" s="148">
        <v>5.8799999999999998E-2</v>
      </c>
    </row>
    <row r="128" spans="1:9">
      <c r="A128" s="45" t="s">
        <v>440</v>
      </c>
      <c r="B128" s="145">
        <v>2366</v>
      </c>
      <c r="C128" s="84">
        <v>5.19</v>
      </c>
      <c r="D128" s="85">
        <v>5.8799999999999998E-2</v>
      </c>
    </row>
    <row r="129" spans="1:4">
      <c r="A129" s="49" t="s">
        <v>455</v>
      </c>
      <c r="B129" s="146">
        <v>404</v>
      </c>
      <c r="C129" s="147">
        <v>5.18</v>
      </c>
      <c r="D129" s="148">
        <v>0.13720000000000002</v>
      </c>
    </row>
    <row r="130" spans="1:4">
      <c r="A130" s="45" t="s">
        <v>441</v>
      </c>
      <c r="B130" s="145">
        <v>84</v>
      </c>
      <c r="C130" s="84">
        <v>5.19</v>
      </c>
      <c r="D130" s="85">
        <v>0.3332</v>
      </c>
    </row>
    <row r="131" spans="1:4">
      <c r="A131" s="49" t="s">
        <v>442</v>
      </c>
      <c r="B131" s="146">
        <v>139</v>
      </c>
      <c r="C131" s="147">
        <v>5</v>
      </c>
      <c r="D131" s="148">
        <v>0.25480000000000003</v>
      </c>
    </row>
    <row r="132" spans="1:4">
      <c r="A132" s="45" t="s">
        <v>443</v>
      </c>
      <c r="B132" s="145">
        <v>100</v>
      </c>
      <c r="C132" s="84">
        <v>5.07</v>
      </c>
      <c r="D132" s="85">
        <v>0.29399999999999998</v>
      </c>
    </row>
    <row r="133" spans="1:4">
      <c r="A133" s="49" t="s">
        <v>444</v>
      </c>
      <c r="B133" s="146">
        <v>81</v>
      </c>
      <c r="C133" s="147">
        <v>5.49</v>
      </c>
      <c r="D133" s="148">
        <v>0.29399999999999998</v>
      </c>
    </row>
    <row r="134" spans="1:4">
      <c r="A134" s="45" t="s">
        <v>456</v>
      </c>
      <c r="B134" s="145">
        <v>392</v>
      </c>
      <c r="C134" s="84">
        <v>5.19</v>
      </c>
      <c r="D134" s="85">
        <v>0.13720000000000002</v>
      </c>
    </row>
    <row r="135" spans="1:4" ht="25.5">
      <c r="A135" s="49" t="s">
        <v>445</v>
      </c>
      <c r="B135" s="146">
        <v>136</v>
      </c>
      <c r="C135" s="147">
        <v>5.26</v>
      </c>
      <c r="D135" s="148">
        <v>0.21559999999999999</v>
      </c>
    </row>
    <row r="136" spans="1:4">
      <c r="A136" s="45" t="s">
        <v>446</v>
      </c>
      <c r="B136" s="145">
        <v>85</v>
      </c>
      <c r="C136" s="84">
        <v>5.27</v>
      </c>
      <c r="D136" s="85">
        <v>0.29399999999999998</v>
      </c>
    </row>
    <row r="137" spans="1:4">
      <c r="A137" s="49" t="s">
        <v>447</v>
      </c>
      <c r="B137" s="146">
        <v>64</v>
      </c>
      <c r="C137" s="147">
        <v>5.41</v>
      </c>
      <c r="D137" s="148">
        <v>0.3528</v>
      </c>
    </row>
    <row r="138" spans="1:4" ht="27" customHeight="1">
      <c r="A138" s="57" t="s">
        <v>448</v>
      </c>
      <c r="B138" s="145">
        <v>107</v>
      </c>
      <c r="C138" s="84">
        <v>4.6900000000000004</v>
      </c>
      <c r="D138" s="85">
        <v>0.29399999999999998</v>
      </c>
    </row>
    <row r="139" spans="1:4">
      <c r="A139" s="49" t="s">
        <v>457</v>
      </c>
      <c r="B139" s="146">
        <v>519</v>
      </c>
      <c r="C139" s="147">
        <v>5.1100000000000003</v>
      </c>
      <c r="D139" s="148">
        <v>0.13720000000000002</v>
      </c>
    </row>
    <row r="140" spans="1:4">
      <c r="A140" s="57" t="s">
        <v>449</v>
      </c>
      <c r="B140" s="145">
        <v>99</v>
      </c>
      <c r="C140" s="84">
        <v>4.8499999999999996</v>
      </c>
      <c r="D140" s="85">
        <v>0.27440000000000003</v>
      </c>
    </row>
    <row r="141" spans="1:4">
      <c r="A141" s="49" t="s">
        <v>450</v>
      </c>
      <c r="B141" s="146">
        <v>77</v>
      </c>
      <c r="C141" s="147">
        <v>5.65</v>
      </c>
      <c r="D141" s="148">
        <v>0.3528</v>
      </c>
    </row>
    <row r="142" spans="1:4" ht="25.5">
      <c r="A142" s="57" t="s">
        <v>451</v>
      </c>
      <c r="B142" s="145">
        <v>114</v>
      </c>
      <c r="C142" s="84">
        <v>5.28</v>
      </c>
      <c r="D142" s="85">
        <v>0.27440000000000003</v>
      </c>
    </row>
    <row r="143" spans="1:4">
      <c r="A143" s="49" t="s">
        <v>452</v>
      </c>
      <c r="B143" s="146">
        <v>65</v>
      </c>
      <c r="C143" s="147">
        <v>5.45</v>
      </c>
      <c r="D143" s="148">
        <v>0.3528</v>
      </c>
    </row>
    <row r="144" spans="1:4">
      <c r="A144" s="57" t="s">
        <v>453</v>
      </c>
      <c r="B144" s="145">
        <v>62</v>
      </c>
      <c r="C144" s="84">
        <v>5.0999999999999996</v>
      </c>
      <c r="D144" s="85">
        <v>0.37240000000000001</v>
      </c>
    </row>
    <row r="145" spans="1:26">
      <c r="A145" s="49" t="s">
        <v>454</v>
      </c>
      <c r="B145" s="146">
        <v>102</v>
      </c>
      <c r="C145" s="147">
        <v>4.6399999999999997</v>
      </c>
      <c r="D145" s="148">
        <v>0.29399999999999998</v>
      </c>
    </row>
    <row r="148" spans="1:26" ht="18.75">
      <c r="A148" s="321" t="s">
        <v>432</v>
      </c>
      <c r="B148" s="321"/>
      <c r="C148" s="321"/>
      <c r="D148" s="321"/>
      <c r="E148" s="321"/>
      <c r="F148" s="321"/>
      <c r="G148" s="321"/>
      <c r="H148" s="321"/>
      <c r="I148" s="321"/>
      <c r="J148" s="321"/>
      <c r="K148" s="321"/>
      <c r="L148" s="321"/>
      <c r="M148" s="321"/>
      <c r="N148" s="321"/>
      <c r="O148" s="321"/>
      <c r="P148" s="321"/>
      <c r="Q148" s="321"/>
      <c r="R148" s="321"/>
      <c r="S148" s="321"/>
      <c r="T148" s="321"/>
      <c r="U148" s="321"/>
      <c r="V148" s="321"/>
    </row>
    <row r="149" spans="1:26" ht="37.5" customHeight="1">
      <c r="A149" s="370" t="s">
        <v>493</v>
      </c>
      <c r="B149" s="370"/>
      <c r="C149" s="370"/>
      <c r="D149" s="370"/>
      <c r="E149" s="370"/>
      <c r="F149" s="370"/>
      <c r="G149" s="370"/>
      <c r="H149" s="370"/>
      <c r="I149" s="370"/>
      <c r="J149" s="370"/>
      <c r="K149" s="370"/>
      <c r="L149" s="370"/>
      <c r="M149" s="370"/>
      <c r="N149" s="370"/>
      <c r="O149" s="370"/>
      <c r="P149" s="370"/>
      <c r="Q149" s="370"/>
      <c r="R149" s="370"/>
      <c r="S149" s="370"/>
      <c r="T149" s="370"/>
      <c r="U149" s="370"/>
      <c r="V149" s="370"/>
    </row>
    <row r="150" spans="1:26" ht="38.25" customHeight="1">
      <c r="A150" s="64" t="s">
        <v>85</v>
      </c>
      <c r="B150" s="360" t="s">
        <v>345</v>
      </c>
      <c r="C150" s="360"/>
      <c r="D150" s="360"/>
      <c r="E150" s="360"/>
      <c r="F150" s="360"/>
      <c r="G150" s="360"/>
      <c r="H150" s="360"/>
      <c r="I150" s="364" t="s">
        <v>238</v>
      </c>
      <c r="J150" s="365"/>
      <c r="K150" s="365"/>
      <c r="L150" s="365"/>
      <c r="M150" s="365"/>
      <c r="N150" s="365"/>
      <c r="O150" s="366"/>
      <c r="P150" s="361" t="s">
        <v>260</v>
      </c>
      <c r="Q150" s="362"/>
      <c r="R150" s="362"/>
      <c r="S150" s="362"/>
      <c r="T150" s="362"/>
      <c r="U150" s="362"/>
      <c r="V150" s="363"/>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2"/>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6</v>
      </c>
      <c r="B153" s="150">
        <v>9276</v>
      </c>
      <c r="C153" s="152">
        <v>0.13600000000000001</v>
      </c>
      <c r="D153" s="94">
        <v>7.1202175744412774E-3</v>
      </c>
      <c r="E153" s="152">
        <v>0.10299999999999999</v>
      </c>
      <c r="F153" s="94">
        <v>6.3152402057032589E-3</v>
      </c>
      <c r="G153" s="152">
        <v>0.753</v>
      </c>
      <c r="H153" s="94">
        <v>8.9550161314121256E-3</v>
      </c>
      <c r="I153" s="150">
        <v>9217</v>
      </c>
      <c r="J153" s="152">
        <v>0.16600000000000001</v>
      </c>
      <c r="K153" s="94">
        <v>7.7522857540576638E-3</v>
      </c>
      <c r="L153" s="152">
        <v>0.09</v>
      </c>
      <c r="M153" s="94">
        <v>5.9658068230432019E-3</v>
      </c>
      <c r="N153" s="152">
        <v>0.54</v>
      </c>
      <c r="O153" s="94">
        <v>1.0380493327592522E-2</v>
      </c>
      <c r="P153" s="150">
        <v>9217</v>
      </c>
      <c r="Q153" s="152">
        <v>0.114</v>
      </c>
      <c r="R153" s="94">
        <v>6.6235061239835148E-3</v>
      </c>
      <c r="S153" s="152">
        <v>8.2000000000000003E-2</v>
      </c>
      <c r="T153" s="94">
        <v>5.7201313275713596E-3</v>
      </c>
      <c r="U153" s="152">
        <v>0.77</v>
      </c>
      <c r="V153" s="94">
        <v>8.7665312126002475E-3</v>
      </c>
    </row>
    <row r="154" spans="1:26">
      <c r="A154" s="49" t="s">
        <v>437</v>
      </c>
      <c r="B154" s="151">
        <v>9197</v>
      </c>
      <c r="C154" s="153">
        <v>0.14000000000000001</v>
      </c>
      <c r="D154" s="97">
        <v>7.23817059315357E-3</v>
      </c>
      <c r="E154" s="153">
        <v>0.11</v>
      </c>
      <c r="F154" s="97">
        <v>6.5282517544928698E-3</v>
      </c>
      <c r="G154" s="153">
        <v>0.75</v>
      </c>
      <c r="H154" s="97">
        <v>9.0297562676581438E-3</v>
      </c>
      <c r="I154" s="151">
        <v>6503</v>
      </c>
      <c r="J154" s="153">
        <v>0.218</v>
      </c>
      <c r="K154" s="97">
        <v>1.0239899133076573E-2</v>
      </c>
      <c r="L154" s="153">
        <v>0.108</v>
      </c>
      <c r="M154" s="97">
        <v>7.7029874474262927E-3</v>
      </c>
      <c r="N154" s="153">
        <v>0.67300000000000004</v>
      </c>
      <c r="O154" s="97">
        <v>1.1632077679393428E-2</v>
      </c>
      <c r="P154" s="151">
        <v>8245</v>
      </c>
      <c r="Q154" s="153">
        <v>0.122</v>
      </c>
      <c r="R154" s="97">
        <v>7.2116921733752729E-3</v>
      </c>
      <c r="S154" s="153">
        <v>8.4000000000000005E-2</v>
      </c>
      <c r="T154" s="97">
        <v>6.1149053679823836E-3</v>
      </c>
      <c r="U154" s="153">
        <v>0.79300000000000004</v>
      </c>
      <c r="V154" s="97">
        <v>8.9240335224626353E-3</v>
      </c>
    </row>
    <row r="155" spans="1:26">
      <c r="A155" s="45" t="s">
        <v>438</v>
      </c>
      <c r="B155" s="150">
        <v>827</v>
      </c>
      <c r="C155" s="152">
        <v>0.15720000000000001</v>
      </c>
      <c r="D155" s="94">
        <v>2.5360621051829763E-2</v>
      </c>
      <c r="E155" s="152">
        <v>0.1061</v>
      </c>
      <c r="F155" s="94">
        <v>2.153360641377321E-2</v>
      </c>
      <c r="G155" s="152">
        <v>0.73660000000000003</v>
      </c>
      <c r="H155" s="94">
        <v>3.0602301708218295E-2</v>
      </c>
      <c r="I155" s="150">
        <v>621</v>
      </c>
      <c r="J155" s="152">
        <v>0.26379999999999998</v>
      </c>
      <c r="K155" s="94">
        <v>3.5319922306195642E-2</v>
      </c>
      <c r="L155" s="152">
        <v>0.1159</v>
      </c>
      <c r="M155" s="94">
        <v>2.5842546874374733E-2</v>
      </c>
      <c r="N155" s="152">
        <v>0.62029999999999996</v>
      </c>
      <c r="O155" s="94">
        <v>3.8840190316748437E-2</v>
      </c>
      <c r="P155" s="150">
        <v>801</v>
      </c>
      <c r="Q155" s="152">
        <v>0.16539999999999999</v>
      </c>
      <c r="R155" s="94">
        <v>2.6295283895361683E-2</v>
      </c>
      <c r="S155" s="152">
        <v>0.1024</v>
      </c>
      <c r="T155" s="94">
        <v>2.1552348566486808E-2</v>
      </c>
      <c r="U155" s="152">
        <v>0.73219999999999996</v>
      </c>
      <c r="V155" s="94">
        <v>3.1256712932594272E-2</v>
      </c>
    </row>
    <row r="156" spans="1:26">
      <c r="A156" s="49" t="s">
        <v>439</v>
      </c>
      <c r="B156" s="151">
        <v>3523</v>
      </c>
      <c r="C156" s="153">
        <v>0.112</v>
      </c>
      <c r="D156" s="97">
        <v>1.0638651987025839E-2</v>
      </c>
      <c r="E156" s="153">
        <v>0.11700000000000001</v>
      </c>
      <c r="F156" s="97">
        <v>1.0841724615317069E-2</v>
      </c>
      <c r="G156" s="153">
        <v>0.76600000000000001</v>
      </c>
      <c r="H156" s="97">
        <v>1.4264081435498429E-2</v>
      </c>
      <c r="I156" s="151">
        <v>3504</v>
      </c>
      <c r="J156" s="153">
        <v>0.13900000000000001</v>
      </c>
      <c r="K156" s="97">
        <v>1.1696271556698255E-2</v>
      </c>
      <c r="L156" s="153">
        <v>9.2999999999999999E-2</v>
      </c>
      <c r="M156" s="97">
        <v>9.8291301087700175E-3</v>
      </c>
      <c r="N156" s="153">
        <v>0.54800000000000004</v>
      </c>
      <c r="O156" s="97">
        <v>1.6805997846113911E-2</v>
      </c>
      <c r="P156" s="151">
        <v>3488</v>
      </c>
      <c r="Q156" s="153">
        <v>0.10100000000000001</v>
      </c>
      <c r="R156" s="97">
        <v>1.0218882459284271E-2</v>
      </c>
      <c r="S156" s="153">
        <v>8.6999999999999994E-2</v>
      </c>
      <c r="T156" s="97">
        <v>9.5620923347645263E-3</v>
      </c>
      <c r="U156" s="153">
        <v>0.78100000000000003</v>
      </c>
      <c r="V156" s="97">
        <v>1.4004572651867019E-2</v>
      </c>
    </row>
    <row r="157" spans="1:26">
      <c r="A157" s="45" t="s">
        <v>440</v>
      </c>
      <c r="B157" s="150">
        <v>3241</v>
      </c>
      <c r="C157" s="152">
        <v>0.111</v>
      </c>
      <c r="D157" s="94">
        <v>1.1049786559515608E-2</v>
      </c>
      <c r="E157" s="152">
        <v>0.11799999999999999</v>
      </c>
      <c r="F157" s="94">
        <v>1.1346104550673438E-2</v>
      </c>
      <c r="G157" s="152">
        <v>0.77</v>
      </c>
      <c r="H157" s="94">
        <v>1.478264137900369E-2</v>
      </c>
      <c r="I157" s="150">
        <v>2368</v>
      </c>
      <c r="J157" s="152">
        <v>0.183</v>
      </c>
      <c r="K157" s="94">
        <v>1.5896462618600279E-2</v>
      </c>
      <c r="L157" s="152">
        <v>0.11</v>
      </c>
      <c r="M157" s="94">
        <v>1.2882433251964734E-2</v>
      </c>
      <c r="N157" s="152">
        <v>0.70799999999999996</v>
      </c>
      <c r="O157" s="94">
        <v>1.867814698494533E-2</v>
      </c>
      <c r="P157" s="150">
        <v>3106</v>
      </c>
      <c r="Q157" s="152">
        <v>0.104</v>
      </c>
      <c r="R157" s="94">
        <v>1.0971294072713536E-2</v>
      </c>
      <c r="S157" s="152">
        <v>8.8999999999999996E-2</v>
      </c>
      <c r="T157" s="94">
        <v>1.0239149635382723E-2</v>
      </c>
      <c r="U157" s="152">
        <v>0.80700000000000005</v>
      </c>
      <c r="V157" s="94">
        <v>1.4164549074300101E-2</v>
      </c>
    </row>
    <row r="158" spans="1:26">
      <c r="A158" s="49" t="s">
        <v>455</v>
      </c>
      <c r="B158" s="151">
        <v>556</v>
      </c>
      <c r="C158" s="153">
        <v>0.11600000000000001</v>
      </c>
      <c r="D158" s="97">
        <v>2.7339530644472639E-2</v>
      </c>
      <c r="E158" s="153">
        <v>0.106</v>
      </c>
      <c r="F158" s="97">
        <v>2.6318616026734427E-2</v>
      </c>
      <c r="G158" s="153">
        <v>0.77300000000000002</v>
      </c>
      <c r="H158" s="97">
        <v>3.5509746901379063E-2</v>
      </c>
      <c r="I158" s="151">
        <v>555</v>
      </c>
      <c r="J158" s="153">
        <v>0.16600000000000001</v>
      </c>
      <c r="K158" s="97">
        <v>3.1654982174975629E-2</v>
      </c>
      <c r="L158" s="153">
        <v>6.4000000000000001E-2</v>
      </c>
      <c r="M158" s="97">
        <v>2.1167156808631554E-2</v>
      </c>
      <c r="N158" s="153">
        <v>0.54400000000000004</v>
      </c>
      <c r="O158" s="97">
        <v>4.2133751379307263E-2</v>
      </c>
      <c r="P158" s="151">
        <v>549</v>
      </c>
      <c r="Q158" s="153">
        <v>0.10199999999999999</v>
      </c>
      <c r="R158" s="97">
        <v>2.6058672293522239E-2</v>
      </c>
      <c r="S158" s="153">
        <v>6.0999999999999999E-2</v>
      </c>
      <c r="T158" s="97">
        <v>2.0842459796673072E-2</v>
      </c>
      <c r="U158" s="153">
        <v>0.80600000000000005</v>
      </c>
      <c r="V158" s="97">
        <v>3.3775526461200425E-2</v>
      </c>
    </row>
    <row r="159" spans="1:26">
      <c r="A159" s="45" t="s">
        <v>441</v>
      </c>
      <c r="B159" s="150">
        <v>113</v>
      </c>
      <c r="C159" s="152">
        <v>0.125</v>
      </c>
      <c r="D159" s="94">
        <v>6.3737179120747195E-2</v>
      </c>
      <c r="E159" s="152">
        <v>5.0999999999999997E-2</v>
      </c>
      <c r="F159" s="94">
        <v>4.6020451841774959E-2</v>
      </c>
      <c r="G159" s="152">
        <v>0.82399999999999995</v>
      </c>
      <c r="H159" s="94">
        <v>7.2106082327939303E-2</v>
      </c>
      <c r="I159" s="150">
        <v>113</v>
      </c>
      <c r="J159" s="152">
        <v>0.159</v>
      </c>
      <c r="K159" s="94">
        <v>6.9561244208429532E-2</v>
      </c>
      <c r="L159" s="152">
        <v>3.1E-2</v>
      </c>
      <c r="M159" s="94">
        <v>3.9145563628591319E-2</v>
      </c>
      <c r="N159" s="152">
        <v>0.59399999999999997</v>
      </c>
      <c r="O159" s="94">
        <v>9.0913285110779674E-2</v>
      </c>
      <c r="P159" s="150">
        <v>113</v>
      </c>
      <c r="Q159" s="152">
        <v>0.13400000000000001</v>
      </c>
      <c r="R159" s="94">
        <v>6.5384285191656594E-2</v>
      </c>
      <c r="S159" s="152">
        <v>6.0999999999999999E-2</v>
      </c>
      <c r="T159" s="94">
        <v>4.9000696939120562E-2</v>
      </c>
      <c r="U159" s="152">
        <v>0.78500000000000003</v>
      </c>
      <c r="V159" s="94">
        <v>7.7179756571057453E-2</v>
      </c>
    </row>
    <row r="160" spans="1:26">
      <c r="A160" s="49" t="s">
        <v>442</v>
      </c>
      <c r="B160" s="151">
        <v>171</v>
      </c>
      <c r="C160" s="153">
        <v>0.14299999999999999</v>
      </c>
      <c r="D160" s="97">
        <v>5.4155470247374694E-2</v>
      </c>
      <c r="E160" s="153">
        <v>0.13100000000000001</v>
      </c>
      <c r="F160" s="97">
        <v>5.2370627685293249E-2</v>
      </c>
      <c r="G160" s="153">
        <v>0.72599999999999998</v>
      </c>
      <c r="H160" s="97">
        <v>6.7820303450146627E-2</v>
      </c>
      <c r="I160" s="151">
        <v>172</v>
      </c>
      <c r="J160" s="153">
        <v>0.23</v>
      </c>
      <c r="K160" s="97">
        <v>6.4026979647957546E-2</v>
      </c>
      <c r="L160" s="153">
        <v>0.122</v>
      </c>
      <c r="M160" s="97">
        <v>5.0797486416365986E-2</v>
      </c>
      <c r="N160" s="153">
        <v>0.497</v>
      </c>
      <c r="O160" s="97">
        <v>7.5376540304199782E-2</v>
      </c>
      <c r="P160" s="151">
        <v>169</v>
      </c>
      <c r="Q160" s="153">
        <v>0.128</v>
      </c>
      <c r="R160" s="97">
        <v>5.2220360175661153E-2</v>
      </c>
      <c r="S160" s="153">
        <v>5.7000000000000002E-2</v>
      </c>
      <c r="T160" s="97">
        <v>3.8081501839001886E-2</v>
      </c>
      <c r="U160" s="153">
        <v>0.79700000000000004</v>
      </c>
      <c r="V160" s="97">
        <v>6.19197452792788E-2</v>
      </c>
    </row>
    <row r="161" spans="1:22">
      <c r="A161" s="45" t="s">
        <v>443</v>
      </c>
      <c r="B161" s="150">
        <v>134</v>
      </c>
      <c r="C161" s="152">
        <v>0.14599999999999999</v>
      </c>
      <c r="D161" s="94">
        <v>6.1818671305433774E-2</v>
      </c>
      <c r="E161" s="152">
        <v>0.11700000000000001</v>
      </c>
      <c r="F161" s="94">
        <v>5.6898452124565069E-2</v>
      </c>
      <c r="G161" s="152">
        <v>0.71</v>
      </c>
      <c r="H161" s="94">
        <v>7.7724797061455436E-2</v>
      </c>
      <c r="I161" s="150">
        <v>132</v>
      </c>
      <c r="J161" s="152">
        <v>0.19900000000000001</v>
      </c>
      <c r="K161" s="94">
        <v>6.9589150612459461E-2</v>
      </c>
      <c r="L161" s="152">
        <v>2.3E-2</v>
      </c>
      <c r="M161" s="94">
        <v>3.2384743334707394E-2</v>
      </c>
      <c r="N161" s="152">
        <v>0.51100000000000001</v>
      </c>
      <c r="O161" s="94">
        <v>8.5729741729079434E-2</v>
      </c>
      <c r="P161" s="150">
        <v>130</v>
      </c>
      <c r="Q161" s="152">
        <v>0.106</v>
      </c>
      <c r="R161" s="94">
        <v>5.5689302065055304E-2</v>
      </c>
      <c r="S161" s="152">
        <v>7.8E-2</v>
      </c>
      <c r="T161" s="94">
        <v>4.9592126184125583E-2</v>
      </c>
      <c r="U161" s="152">
        <v>0.75800000000000001</v>
      </c>
      <c r="V161" s="94">
        <v>7.478340009793287E-2</v>
      </c>
    </row>
    <row r="162" spans="1:22">
      <c r="A162" s="49" t="s">
        <v>444</v>
      </c>
      <c r="B162" s="151">
        <v>138</v>
      </c>
      <c r="C162" s="153">
        <v>6.2E-2</v>
      </c>
      <c r="D162" s="97">
        <v>4.4026843839932814E-2</v>
      </c>
      <c r="E162" s="153">
        <v>0.10299999999999999</v>
      </c>
      <c r="F162" s="97">
        <v>5.337755992807787E-2</v>
      </c>
      <c r="G162" s="153">
        <v>0.83499999999999996</v>
      </c>
      <c r="H162" s="97">
        <v>6.3691263561591424E-2</v>
      </c>
      <c r="I162" s="151">
        <v>138</v>
      </c>
      <c r="J162" s="153">
        <v>8.1000000000000003E-2</v>
      </c>
      <c r="K162" s="97">
        <v>4.869868670368846E-2</v>
      </c>
      <c r="L162" s="153">
        <v>4.9000000000000002E-2</v>
      </c>
      <c r="M162" s="97">
        <v>4.0384355472437336E-2</v>
      </c>
      <c r="N162" s="153">
        <v>0.58799999999999997</v>
      </c>
      <c r="O162" s="97">
        <v>8.2681492535027573E-2</v>
      </c>
      <c r="P162" s="151">
        <v>137</v>
      </c>
      <c r="Q162" s="153">
        <v>5.2999999999999999E-2</v>
      </c>
      <c r="R162" s="97">
        <v>4.1724145387220614E-2</v>
      </c>
      <c r="S162" s="153">
        <v>5.2999999999999999E-2</v>
      </c>
      <c r="T162" s="97">
        <v>4.1724145387220614E-2</v>
      </c>
      <c r="U162" s="153">
        <v>0.85599999999999998</v>
      </c>
      <c r="V162" s="97">
        <v>6.0810763176005318E-2</v>
      </c>
    </row>
    <row r="163" spans="1:22">
      <c r="A163" s="45" t="s">
        <v>456</v>
      </c>
      <c r="B163" s="150">
        <v>511</v>
      </c>
      <c r="C163" s="152">
        <v>0.127</v>
      </c>
      <c r="D163" s="94">
        <v>2.9628618292060035E-2</v>
      </c>
      <c r="E163" s="152">
        <v>0.122</v>
      </c>
      <c r="F163" s="94">
        <v>2.9140028538694372E-2</v>
      </c>
      <c r="G163" s="152">
        <v>0.751</v>
      </c>
      <c r="H163" s="94">
        <v>3.8209830047532825E-2</v>
      </c>
      <c r="I163" s="150">
        <v>509</v>
      </c>
      <c r="J163" s="152">
        <v>0.11799999999999999</v>
      </c>
      <c r="K163" s="94">
        <v>2.8795541420218774E-2</v>
      </c>
      <c r="L163" s="152">
        <v>0.127</v>
      </c>
      <c r="M163" s="94">
        <v>2.9687415614844139E-2</v>
      </c>
      <c r="N163" s="152">
        <v>0.57299999999999995</v>
      </c>
      <c r="O163" s="94">
        <v>4.3685369801484977E-2</v>
      </c>
      <c r="P163" s="150">
        <v>506</v>
      </c>
      <c r="Q163" s="152">
        <v>8.8999999999999996E-2</v>
      </c>
      <c r="R163" s="94">
        <v>2.5624490435427402E-2</v>
      </c>
      <c r="S163" s="152">
        <v>0.105</v>
      </c>
      <c r="T163" s="94">
        <v>2.7498713429214117E-2</v>
      </c>
      <c r="U163" s="152">
        <v>0.78600000000000003</v>
      </c>
      <c r="V163" s="94">
        <v>3.6459167904314235E-2</v>
      </c>
    </row>
    <row r="164" spans="1:22" ht="25.5">
      <c r="A164" s="49" t="s">
        <v>445</v>
      </c>
      <c r="B164" s="151">
        <v>171</v>
      </c>
      <c r="C164" s="153">
        <v>9.6000000000000002E-2</v>
      </c>
      <c r="D164" s="97">
        <v>4.6392125150593586E-2</v>
      </c>
      <c r="E164" s="153">
        <v>0.16500000000000001</v>
      </c>
      <c r="F164" s="97">
        <v>5.7140759308430822E-2</v>
      </c>
      <c r="G164" s="153">
        <v>0.73899999999999999</v>
      </c>
      <c r="H164" s="97">
        <v>6.6840604067736717E-2</v>
      </c>
      <c r="I164" s="151">
        <v>169</v>
      </c>
      <c r="J164" s="153">
        <v>9.1999999999999998E-2</v>
      </c>
      <c r="K164" s="97">
        <v>4.5906354997853678E-2</v>
      </c>
      <c r="L164" s="153">
        <v>0.20799999999999999</v>
      </c>
      <c r="M164" s="97">
        <v>6.2442252983737047E-2</v>
      </c>
      <c r="N164" s="153">
        <v>0.56399999999999995</v>
      </c>
      <c r="O164" s="97">
        <v>7.5431892595599626E-2</v>
      </c>
      <c r="P164" s="151">
        <v>169</v>
      </c>
      <c r="Q164" s="153">
        <v>9.1999999999999998E-2</v>
      </c>
      <c r="R164" s="97">
        <v>4.5906354997853678E-2</v>
      </c>
      <c r="S164" s="153">
        <v>0.17299999999999999</v>
      </c>
      <c r="T164" s="97">
        <v>5.8489370518578519E-2</v>
      </c>
      <c r="U164" s="153">
        <v>0.70599999999999996</v>
      </c>
      <c r="V164" s="97">
        <v>6.9598962213616875E-2</v>
      </c>
    </row>
    <row r="165" spans="1:22">
      <c r="A165" s="45" t="s">
        <v>446</v>
      </c>
      <c r="B165" s="150">
        <v>114</v>
      </c>
      <c r="C165" s="152">
        <v>0.111</v>
      </c>
      <c r="D165" s="94">
        <v>6.0720021166814853E-2</v>
      </c>
      <c r="E165" s="152">
        <v>0.16900000000000001</v>
      </c>
      <c r="F165" s="94">
        <v>7.0768414001834798E-2</v>
      </c>
      <c r="G165" s="152">
        <v>0.72</v>
      </c>
      <c r="H165" s="94">
        <v>8.3326138843552597E-2</v>
      </c>
      <c r="I165" s="150">
        <v>113</v>
      </c>
      <c r="J165" s="152">
        <v>0.08</v>
      </c>
      <c r="K165" s="94">
        <v>5.405137104356169E-2</v>
      </c>
      <c r="L165" s="152">
        <v>0.191</v>
      </c>
      <c r="M165" s="94">
        <v>7.4176047259639624E-2</v>
      </c>
      <c r="N165" s="152">
        <v>0.52</v>
      </c>
      <c r="O165" s="94">
        <v>9.2381017567422383E-2</v>
      </c>
      <c r="P165" s="150">
        <v>112</v>
      </c>
      <c r="Q165" s="152">
        <v>8.2000000000000003E-2</v>
      </c>
      <c r="R165" s="94">
        <v>5.4809442177626136E-2</v>
      </c>
      <c r="S165" s="152">
        <v>0.08</v>
      </c>
      <c r="T165" s="94">
        <v>5.4315733081142036E-2</v>
      </c>
      <c r="U165" s="152">
        <v>0.81399999999999995</v>
      </c>
      <c r="V165" s="94">
        <v>7.3832636348485484E-2</v>
      </c>
    </row>
    <row r="166" spans="1:22">
      <c r="A166" s="49" t="s">
        <v>447</v>
      </c>
      <c r="B166" s="151">
        <v>94</v>
      </c>
      <c r="C166" s="153">
        <v>0.124</v>
      </c>
      <c r="D166" s="97">
        <v>6.9964821898158197E-2</v>
      </c>
      <c r="E166" s="153">
        <v>7.6999999999999999E-2</v>
      </c>
      <c r="F166" s="97">
        <v>5.9032802428953993E-2</v>
      </c>
      <c r="G166" s="153">
        <v>0.79800000000000004</v>
      </c>
      <c r="H166" s="97">
        <v>8.2881119954301169E-2</v>
      </c>
      <c r="I166" s="151">
        <v>94</v>
      </c>
      <c r="J166" s="153">
        <v>0.104</v>
      </c>
      <c r="K166" s="97">
        <v>6.5690696069423904E-2</v>
      </c>
      <c r="L166" s="153">
        <v>1.4E-2</v>
      </c>
      <c r="M166" s="97">
        <v>3.6528887131511159E-2</v>
      </c>
      <c r="N166" s="153">
        <v>0.66900000000000004</v>
      </c>
      <c r="O166" s="97">
        <v>9.5559134029439635E-2</v>
      </c>
      <c r="P166" s="151">
        <v>94</v>
      </c>
      <c r="Q166" s="153">
        <v>8.1000000000000003E-2</v>
      </c>
      <c r="R166" s="97">
        <v>6.0094493755709716E-2</v>
      </c>
      <c r="S166" s="153">
        <v>6.7000000000000004E-2</v>
      </c>
      <c r="T166" s="97">
        <v>5.6244318704328909E-2</v>
      </c>
      <c r="U166" s="153">
        <v>0.84399999999999997</v>
      </c>
      <c r="V166" s="97">
        <v>7.5896529217929803E-2</v>
      </c>
    </row>
    <row r="167" spans="1:22" ht="28.5" customHeight="1">
      <c r="A167" s="57" t="s">
        <v>448</v>
      </c>
      <c r="B167" s="150">
        <v>132</v>
      </c>
      <c r="C167" s="152">
        <v>0.20899999999999999</v>
      </c>
      <c r="D167" s="94">
        <v>7.0757868370178251E-2</v>
      </c>
      <c r="E167" s="152">
        <v>2.7E-2</v>
      </c>
      <c r="F167" s="94">
        <v>3.3971437922835773E-2</v>
      </c>
      <c r="G167" s="152">
        <v>0.76400000000000001</v>
      </c>
      <c r="H167" s="94">
        <v>7.3633327262712586E-2</v>
      </c>
      <c r="I167" s="150">
        <v>133</v>
      </c>
      <c r="J167" s="152">
        <v>0.23799999999999999</v>
      </c>
      <c r="K167" s="94">
        <v>7.3555360122246408E-2</v>
      </c>
      <c r="L167" s="152">
        <v>2.7E-2</v>
      </c>
      <c r="M167" s="94">
        <v>3.3806985416057207E-2</v>
      </c>
      <c r="N167" s="152">
        <v>0.55200000000000005</v>
      </c>
      <c r="O167" s="94">
        <v>8.499920012207543E-2</v>
      </c>
      <c r="P167" s="150">
        <v>131</v>
      </c>
      <c r="Q167" s="152">
        <v>0.106</v>
      </c>
      <c r="R167" s="94">
        <v>5.5464873465907574E-2</v>
      </c>
      <c r="S167" s="152">
        <v>6.5000000000000002E-2</v>
      </c>
      <c r="T167" s="94">
        <v>4.6130960079143191E-2</v>
      </c>
      <c r="U167" s="152">
        <v>0.81499999999999995</v>
      </c>
      <c r="V167" s="94">
        <v>6.8110561293170863E-2</v>
      </c>
    </row>
    <row r="168" spans="1:22">
      <c r="A168" s="49" t="s">
        <v>457</v>
      </c>
      <c r="B168" s="151">
        <v>720</v>
      </c>
      <c r="C168" s="153">
        <v>0.109</v>
      </c>
      <c r="D168" s="97">
        <v>2.3363997692882287E-2</v>
      </c>
      <c r="E168" s="153">
        <v>0.127</v>
      </c>
      <c r="F168" s="97">
        <v>2.492021414614452E-2</v>
      </c>
      <c r="G168" s="153">
        <v>0.76</v>
      </c>
      <c r="H168" s="97">
        <v>3.1809593908500293E-2</v>
      </c>
      <c r="I168" s="151">
        <v>715</v>
      </c>
      <c r="J168" s="153">
        <v>0.156</v>
      </c>
      <c r="K168" s="97">
        <v>2.719905613237E-2</v>
      </c>
      <c r="L168" s="153">
        <v>0.08</v>
      </c>
      <c r="M168" s="97">
        <v>2.0502351221571475E-2</v>
      </c>
      <c r="N168" s="153">
        <v>0.52800000000000002</v>
      </c>
      <c r="O168" s="97">
        <v>3.7235834428321762E-2</v>
      </c>
      <c r="P168" s="151">
        <v>715</v>
      </c>
      <c r="Q168" s="153">
        <v>0.111</v>
      </c>
      <c r="R168" s="97">
        <v>2.3628793576991516E-2</v>
      </c>
      <c r="S168" s="153">
        <v>8.3000000000000004E-2</v>
      </c>
      <c r="T168" s="97">
        <v>2.083652582510203E-2</v>
      </c>
      <c r="U168" s="153">
        <v>0.77400000000000002</v>
      </c>
      <c r="V168" s="97">
        <v>3.1269568169591824E-2</v>
      </c>
    </row>
    <row r="169" spans="1:22">
      <c r="A169" s="57" t="s">
        <v>449</v>
      </c>
      <c r="B169" s="150">
        <v>129</v>
      </c>
      <c r="C169" s="152">
        <v>0.21299999999999999</v>
      </c>
      <c r="D169" s="94">
        <v>7.2029864767094068E-2</v>
      </c>
      <c r="E169" s="152">
        <v>4.3999999999999997E-2</v>
      </c>
      <c r="F169" s="94">
        <v>4.0442420570699134E-2</v>
      </c>
      <c r="G169" s="152">
        <v>0.73199999999999998</v>
      </c>
      <c r="H169" s="94">
        <v>7.7433425029101124E-2</v>
      </c>
      <c r="I169" s="150">
        <v>126</v>
      </c>
      <c r="J169" s="152">
        <v>0.23899999999999999</v>
      </c>
      <c r="K169" s="94">
        <v>7.5652356368614226E-2</v>
      </c>
      <c r="L169" s="152">
        <v>5.3999999999999999E-2</v>
      </c>
      <c r="M169" s="94">
        <v>4.407569076212417E-2</v>
      </c>
      <c r="N169" s="152">
        <v>0.46400000000000002</v>
      </c>
      <c r="O169" s="94">
        <v>8.7491982377974828E-2</v>
      </c>
      <c r="P169" s="150">
        <v>127</v>
      </c>
      <c r="Q169" s="152">
        <v>0.19</v>
      </c>
      <c r="R169" s="94">
        <v>6.9826197271507032E-2</v>
      </c>
      <c r="S169" s="152">
        <v>8.3000000000000004E-2</v>
      </c>
      <c r="T169" s="94">
        <v>5.1413026167334223E-2</v>
      </c>
      <c r="U169" s="152">
        <v>0.71599999999999997</v>
      </c>
      <c r="V169" s="94">
        <v>7.9338817701246026E-2</v>
      </c>
    </row>
    <row r="170" spans="1:22">
      <c r="A170" s="49" t="s">
        <v>450</v>
      </c>
      <c r="B170" s="151">
        <v>106</v>
      </c>
      <c r="C170" s="153">
        <v>6.0999999999999999E-2</v>
      </c>
      <c r="D170" s="97">
        <v>5.0825990145100988E-2</v>
      </c>
      <c r="E170" s="153">
        <v>7.0000000000000007E-2</v>
      </c>
      <c r="F170" s="97">
        <v>5.3360788074971015E-2</v>
      </c>
      <c r="G170" s="153">
        <v>0.85799999999999998</v>
      </c>
      <c r="H170" s="97">
        <v>6.9015820353404075E-2</v>
      </c>
      <c r="I170" s="151">
        <v>105</v>
      </c>
      <c r="J170" s="153">
        <v>8.2000000000000003E-2</v>
      </c>
      <c r="K170" s="97">
        <v>5.6783665148351883E-2</v>
      </c>
      <c r="L170" s="153">
        <v>1.6E-2</v>
      </c>
      <c r="M170" s="97">
        <v>3.4599480918748773E-2</v>
      </c>
      <c r="N170" s="153">
        <v>0.71499999999999997</v>
      </c>
      <c r="O170" s="97">
        <v>8.7179117501685707E-2</v>
      </c>
      <c r="P170" s="151">
        <v>105</v>
      </c>
      <c r="Q170" s="153">
        <v>2.8000000000000001E-2</v>
      </c>
      <c r="R170" s="97">
        <v>3.9847000383951732E-2</v>
      </c>
      <c r="S170" s="153">
        <v>5.5E-2</v>
      </c>
      <c r="T170" s="97">
        <v>4.930424812449264E-2</v>
      </c>
      <c r="U170" s="153">
        <v>0.88100000000000001</v>
      </c>
      <c r="V170" s="97">
        <v>6.504692216721901E-2</v>
      </c>
    </row>
    <row r="171" spans="1:22" ht="25.5">
      <c r="A171" s="57" t="s">
        <v>451</v>
      </c>
      <c r="B171" s="150">
        <v>182</v>
      </c>
      <c r="C171" s="152">
        <v>0.13500000000000001</v>
      </c>
      <c r="D171" s="94">
        <v>5.1314651006337482E-2</v>
      </c>
      <c r="E171" s="152">
        <v>8.3000000000000004E-2</v>
      </c>
      <c r="F171" s="94">
        <v>4.2378143174262896E-2</v>
      </c>
      <c r="G171" s="152">
        <v>0.78200000000000003</v>
      </c>
      <c r="H171" s="94">
        <v>6.1146678707910962E-2</v>
      </c>
      <c r="I171" s="150">
        <v>185</v>
      </c>
      <c r="J171" s="152">
        <v>0.11600000000000001</v>
      </c>
      <c r="K171" s="94">
        <v>4.7968127852817045E-2</v>
      </c>
      <c r="L171" s="152">
        <v>6.3E-2</v>
      </c>
      <c r="M171" s="94">
        <v>3.766429431621534E-2</v>
      </c>
      <c r="N171" s="152">
        <v>0.45700000000000002</v>
      </c>
      <c r="O171" s="94">
        <v>7.2481113957411039E-2</v>
      </c>
      <c r="P171" s="150">
        <v>182</v>
      </c>
      <c r="Q171" s="152">
        <v>8.3000000000000004E-2</v>
      </c>
      <c r="R171" s="94">
        <v>4.2378143174262896E-2</v>
      </c>
      <c r="S171" s="152">
        <v>7.0999999999999994E-2</v>
      </c>
      <c r="T171" s="94">
        <v>3.9835583172383678E-2</v>
      </c>
      <c r="U171" s="152">
        <v>0.79200000000000004</v>
      </c>
      <c r="V171" s="94">
        <v>6.0172482515059633E-2</v>
      </c>
    </row>
    <row r="172" spans="1:22">
      <c r="A172" s="49" t="s">
        <v>452</v>
      </c>
      <c r="B172" s="151">
        <v>83</v>
      </c>
      <c r="C172" s="153">
        <v>8.4000000000000005E-2</v>
      </c>
      <c r="D172" s="97">
        <v>6.5211019031617468E-2</v>
      </c>
      <c r="E172" s="153">
        <v>0.184</v>
      </c>
      <c r="F172" s="97">
        <v>8.5531489599591767E-2</v>
      </c>
      <c r="G172" s="153">
        <v>0.73199999999999998</v>
      </c>
      <c r="H172" s="97">
        <v>9.6134856323060194E-2</v>
      </c>
      <c r="I172" s="151">
        <v>82</v>
      </c>
      <c r="J172" s="153">
        <v>7.8E-2</v>
      </c>
      <c r="K172" s="97">
        <v>6.4011880712692842E-2</v>
      </c>
      <c r="L172" s="153">
        <v>8.7999999999999995E-2</v>
      </c>
      <c r="M172" s="97">
        <v>6.6709689330592931E-2</v>
      </c>
      <c r="N172" s="153">
        <v>0.57799999999999996</v>
      </c>
      <c r="O172" s="97">
        <v>0.10663321001502696</v>
      </c>
      <c r="P172" s="151">
        <v>82</v>
      </c>
      <c r="Q172" s="153">
        <v>4.3999999999999997E-2</v>
      </c>
      <c r="R172" s="97">
        <v>5.3246704981925415E-2</v>
      </c>
      <c r="S172" s="153">
        <v>0.153</v>
      </c>
      <c r="T172" s="97">
        <v>8.0847646734255374E-2</v>
      </c>
      <c r="U172" s="153">
        <v>0.753</v>
      </c>
      <c r="V172" s="97">
        <v>9.4452363505571665E-2</v>
      </c>
    </row>
    <row r="173" spans="1:22">
      <c r="A173" s="57" t="s">
        <v>453</v>
      </c>
      <c r="B173" s="150">
        <v>90</v>
      </c>
      <c r="C173" s="152">
        <v>5.3999999999999999E-2</v>
      </c>
      <c r="D173" s="94">
        <v>5.3654858134840028E-2</v>
      </c>
      <c r="E173" s="152">
        <v>0.14499999999999999</v>
      </c>
      <c r="F173" s="94">
        <v>7.5645401516294675E-2</v>
      </c>
      <c r="G173" s="152">
        <v>0.79300000000000004</v>
      </c>
      <c r="H173" s="94">
        <v>8.5378218540278217E-2</v>
      </c>
      <c r="I173" s="150">
        <v>88</v>
      </c>
      <c r="J173" s="152">
        <v>0.14000000000000001</v>
      </c>
      <c r="K173" s="94">
        <v>7.559174519839168E-2</v>
      </c>
      <c r="L173" s="152">
        <v>0.10299999999999999</v>
      </c>
      <c r="M173" s="94">
        <v>6.7822720579539003E-2</v>
      </c>
      <c r="N173" s="152">
        <v>0.55200000000000005</v>
      </c>
      <c r="O173" s="94">
        <v>0.10374006372610001</v>
      </c>
      <c r="P173" s="150">
        <v>89</v>
      </c>
      <c r="Q173" s="152">
        <v>0.13800000000000001</v>
      </c>
      <c r="R173" s="94">
        <v>7.4771675563811743E-2</v>
      </c>
      <c r="S173" s="152">
        <v>8.5999999999999993E-2</v>
      </c>
      <c r="T173" s="94">
        <v>6.325598181291435E-2</v>
      </c>
      <c r="U173" s="152">
        <v>0.76800000000000002</v>
      </c>
      <c r="V173" s="94">
        <v>8.9014083602359809E-2</v>
      </c>
    </row>
    <row r="174" spans="1:22">
      <c r="A174" s="49" t="s">
        <v>454</v>
      </c>
      <c r="B174" s="151">
        <v>130</v>
      </c>
      <c r="C174" s="153">
        <v>0.1</v>
      </c>
      <c r="D174" s="97">
        <v>5.4474331372064748E-2</v>
      </c>
      <c r="E174" s="153">
        <v>0.23100000000000001</v>
      </c>
      <c r="F174" s="97">
        <v>7.3686423383141339E-2</v>
      </c>
      <c r="G174" s="153">
        <v>0.66900000000000004</v>
      </c>
      <c r="H174" s="97">
        <v>8.1610411349683665E-2</v>
      </c>
      <c r="I174" s="151">
        <v>129</v>
      </c>
      <c r="J174" s="153">
        <v>0.24099999999999999</v>
      </c>
      <c r="K174" s="97">
        <v>7.4972330027274853E-2</v>
      </c>
      <c r="L174" s="153">
        <v>0.14099999999999999</v>
      </c>
      <c r="M174" s="97">
        <v>6.2227974164095652E-2</v>
      </c>
      <c r="N174" s="153">
        <v>0.46700000000000003</v>
      </c>
      <c r="O174" s="97">
        <v>8.6533146978651346E-2</v>
      </c>
      <c r="P174" s="151">
        <v>130</v>
      </c>
      <c r="Q174" s="153">
        <v>0.159</v>
      </c>
      <c r="R174" s="97">
        <v>6.4774588505007044E-2</v>
      </c>
      <c r="S174" s="153">
        <v>9.1999999999999998E-2</v>
      </c>
      <c r="T174" s="97">
        <v>5.2781107731543479E-2</v>
      </c>
      <c r="U174" s="153">
        <v>0.72</v>
      </c>
      <c r="V174" s="97">
        <v>7.8120921308399552E-2</v>
      </c>
    </row>
    <row r="177" spans="1:10" ht="19.5" customHeight="1">
      <c r="A177" s="322" t="s">
        <v>4</v>
      </c>
      <c r="B177" s="322"/>
      <c r="C177" s="322"/>
      <c r="D177" s="322"/>
      <c r="E177" s="322"/>
      <c r="F177" s="322"/>
      <c r="G177" s="322"/>
      <c r="H177" s="322"/>
      <c r="I177" s="322"/>
      <c r="J177" s="322"/>
    </row>
    <row r="178" spans="1:10" ht="43.5" customHeight="1">
      <c r="A178" s="369" t="s">
        <v>494</v>
      </c>
      <c r="B178" s="369"/>
      <c r="C178" s="369"/>
      <c r="D178" s="369"/>
      <c r="E178" s="369"/>
      <c r="F178" s="369"/>
      <c r="G178" s="369"/>
      <c r="H178" s="369"/>
      <c r="I178" s="369"/>
      <c r="J178" s="369"/>
    </row>
    <row r="179" spans="1:10" ht="43.5" customHeight="1">
      <c r="A179" s="367" t="s">
        <v>140</v>
      </c>
      <c r="B179" s="368"/>
      <c r="C179" s="368"/>
      <c r="D179" s="368"/>
      <c r="E179" s="368"/>
      <c r="F179" s="368"/>
      <c r="G179" s="368"/>
      <c r="H179" s="368"/>
      <c r="I179" s="368"/>
      <c r="J179" s="368"/>
    </row>
    <row r="180" spans="1:10" ht="39.75" customHeight="1">
      <c r="A180" s="37" t="s">
        <v>85</v>
      </c>
      <c r="B180" s="38" t="s">
        <v>86</v>
      </c>
      <c r="C180" s="38" t="s">
        <v>178</v>
      </c>
      <c r="D180" s="89" t="s">
        <v>101</v>
      </c>
      <c r="E180" s="38" t="s">
        <v>179</v>
      </c>
      <c r="F180" s="89" t="s">
        <v>102</v>
      </c>
      <c r="G180" s="38" t="s">
        <v>180</v>
      </c>
      <c r="H180" s="89" t="s">
        <v>103</v>
      </c>
      <c r="I180" s="38" t="s">
        <v>357</v>
      </c>
      <c r="J180" s="89" t="s">
        <v>356</v>
      </c>
    </row>
    <row r="181" spans="1:10" ht="72">
      <c r="A181" s="41"/>
      <c r="B181" s="42" t="s">
        <v>89</v>
      </c>
      <c r="C181" s="42" t="s">
        <v>181</v>
      </c>
      <c r="D181" s="91" t="s">
        <v>104</v>
      </c>
      <c r="E181" s="42" t="s">
        <v>182</v>
      </c>
      <c r="F181" s="91" t="s">
        <v>104</v>
      </c>
      <c r="G181" s="42" t="s">
        <v>183</v>
      </c>
      <c r="H181" s="91" t="s">
        <v>104</v>
      </c>
      <c r="I181" s="42" t="s">
        <v>357</v>
      </c>
      <c r="J181" s="91" t="s">
        <v>104</v>
      </c>
    </row>
    <row r="182" spans="1:10">
      <c r="A182" s="45" t="s">
        <v>436</v>
      </c>
      <c r="B182" s="154">
        <v>9113</v>
      </c>
      <c r="C182" s="157">
        <v>0.121</v>
      </c>
      <c r="D182" s="94">
        <v>6.8351534005307987E-3</v>
      </c>
      <c r="E182" s="157">
        <v>0.16200000000000001</v>
      </c>
      <c r="F182" s="94">
        <v>7.7204708880824402E-3</v>
      </c>
      <c r="G182" s="157">
        <v>0.68</v>
      </c>
      <c r="H182" s="94">
        <v>9.7715132880957269E-3</v>
      </c>
      <c r="I182" s="157">
        <v>3.6999999999999998E-2</v>
      </c>
      <c r="J182" s="94">
        <v>3.9642508892939075E-3</v>
      </c>
    </row>
    <row r="183" spans="1:10">
      <c r="A183" s="49" t="s">
        <v>437</v>
      </c>
      <c r="B183" s="49">
        <v>8765</v>
      </c>
      <c r="C183" s="156">
        <v>0.123</v>
      </c>
      <c r="D183" s="97">
        <v>7.0188848230340883E-3</v>
      </c>
      <c r="E183" s="156">
        <v>0.16700000000000001</v>
      </c>
      <c r="F183" s="97">
        <v>7.9688108376723028E-3</v>
      </c>
      <c r="G183" s="156">
        <v>0.67400000000000004</v>
      </c>
      <c r="H183" s="97">
        <v>1.0012003621009709E-2</v>
      </c>
      <c r="I183" s="156">
        <v>3.6999999999999998E-2</v>
      </c>
      <c r="J183" s="97">
        <v>4.0425677306913498E-3</v>
      </c>
    </row>
    <row r="184" spans="1:10">
      <c r="A184" s="45" t="s">
        <v>438</v>
      </c>
      <c r="B184" s="53">
        <v>841</v>
      </c>
      <c r="C184" s="157">
        <v>0.14069999999999999</v>
      </c>
      <c r="D184" s="94">
        <v>2.4043632179673178E-2</v>
      </c>
      <c r="E184" s="157">
        <v>0.19089999999999999</v>
      </c>
      <c r="F184" s="94">
        <v>2.7118813432807469E-2</v>
      </c>
      <c r="G184" s="157">
        <v>0.57730000000000004</v>
      </c>
      <c r="H184" s="94">
        <v>3.399137704072034E-2</v>
      </c>
      <c r="I184" s="157">
        <v>9.11E-2</v>
      </c>
      <c r="J184" s="94">
        <v>1.9985793116332456E-2</v>
      </c>
    </row>
    <row r="185" spans="1:10">
      <c r="A185" s="49" t="s">
        <v>439</v>
      </c>
      <c r="B185" s="49">
        <v>3456</v>
      </c>
      <c r="C185" s="156">
        <v>9.2999999999999999E-2</v>
      </c>
      <c r="D185" s="97">
        <v>9.8973799346597745E-3</v>
      </c>
      <c r="E185" s="156">
        <v>0.152</v>
      </c>
      <c r="F185" s="97">
        <v>1.2220320771619267E-2</v>
      </c>
      <c r="G185" s="156">
        <v>0.72199999999999998</v>
      </c>
      <c r="H185" s="97">
        <v>1.5237233283110484E-2</v>
      </c>
      <c r="I185" s="156">
        <v>3.2000000000000001E-2</v>
      </c>
      <c r="J185" s="97">
        <v>6.0328696138813509E-3</v>
      </c>
    </row>
    <row r="186" spans="1:10">
      <c r="A186" s="45" t="s">
        <v>440</v>
      </c>
      <c r="B186" s="53">
        <v>3297</v>
      </c>
      <c r="C186" s="157">
        <v>0.1</v>
      </c>
      <c r="D186" s="94">
        <v>1.046553619566838E-2</v>
      </c>
      <c r="E186" s="157">
        <v>0.14799999999999999</v>
      </c>
      <c r="F186" s="94">
        <v>1.2375822478160018E-2</v>
      </c>
      <c r="G186" s="157">
        <v>0.72399999999999998</v>
      </c>
      <c r="H186" s="94">
        <v>1.5565500198871337E-2</v>
      </c>
      <c r="I186" s="157">
        <v>2.8000000000000001E-2</v>
      </c>
      <c r="J186" s="94">
        <v>5.7993921782532555E-3</v>
      </c>
    </row>
    <row r="187" spans="1:10">
      <c r="A187" s="49" t="s">
        <v>455</v>
      </c>
      <c r="B187" s="49">
        <v>545</v>
      </c>
      <c r="C187" s="156">
        <v>9.5000000000000001E-2</v>
      </c>
      <c r="D187" s="97">
        <v>2.5372482921477098E-2</v>
      </c>
      <c r="E187" s="156">
        <v>0.14199999999999999</v>
      </c>
      <c r="F187" s="97">
        <v>3.0020854394687498E-2</v>
      </c>
      <c r="G187" s="156">
        <v>0.72199999999999998</v>
      </c>
      <c r="H187" s="97">
        <v>3.8309595660264664E-2</v>
      </c>
      <c r="I187" s="156">
        <v>4.1000000000000002E-2</v>
      </c>
      <c r="J187" s="97">
        <v>1.7571679627445842E-2</v>
      </c>
    </row>
    <row r="188" spans="1:10">
      <c r="A188" s="45" t="s">
        <v>441</v>
      </c>
      <c r="B188" s="53">
        <v>110</v>
      </c>
      <c r="C188" s="157">
        <v>0.106</v>
      </c>
      <c r="D188" s="94">
        <v>6.0832423224520753E-2</v>
      </c>
      <c r="E188" s="157">
        <v>0.14000000000000001</v>
      </c>
      <c r="F188" s="94">
        <v>6.7365246924300584E-2</v>
      </c>
      <c r="G188" s="157">
        <v>0.73399999999999999</v>
      </c>
      <c r="H188" s="94">
        <v>8.3565105110024102E-2</v>
      </c>
      <c r="I188" s="157">
        <v>2.1000000000000001E-2</v>
      </c>
      <c r="J188" s="94">
        <v>3.5726861960635639E-2</v>
      </c>
    </row>
    <row r="189" spans="1:10">
      <c r="A189" s="49" t="s">
        <v>442</v>
      </c>
      <c r="B189" s="49">
        <v>168</v>
      </c>
      <c r="C189" s="156">
        <v>0.104</v>
      </c>
      <c r="D189" s="97">
        <v>4.8318939469470322E-2</v>
      </c>
      <c r="E189" s="156">
        <v>0.123</v>
      </c>
      <c r="F189" s="97">
        <v>5.1580775021007289E-2</v>
      </c>
      <c r="G189" s="156">
        <v>0.72099999999999997</v>
      </c>
      <c r="H189" s="97">
        <v>6.8777406309046135E-2</v>
      </c>
      <c r="I189" s="156">
        <v>5.1999999999999998E-2</v>
      </c>
      <c r="J189" s="97">
        <v>3.6891582970369305E-2</v>
      </c>
    </row>
    <row r="190" spans="1:10">
      <c r="A190" s="45" t="s">
        <v>443</v>
      </c>
      <c r="B190" s="53">
        <v>131</v>
      </c>
      <c r="C190" s="157">
        <v>7.3999999999999996E-2</v>
      </c>
      <c r="D190" s="94">
        <v>4.8417570376574584E-2</v>
      </c>
      <c r="E190" s="157">
        <v>0.14599999999999999</v>
      </c>
      <c r="F190" s="94">
        <v>6.2538904405523899E-2</v>
      </c>
      <c r="G190" s="157">
        <v>0.72799999999999998</v>
      </c>
      <c r="H190" s="94">
        <v>7.7182015906119089E-2</v>
      </c>
      <c r="I190" s="157">
        <v>5.1999999999999998E-2</v>
      </c>
      <c r="J190" s="94">
        <v>4.2518272961632533E-2</v>
      </c>
    </row>
    <row r="191" spans="1:10">
      <c r="A191" s="49" t="s">
        <v>444</v>
      </c>
      <c r="B191" s="49">
        <v>136</v>
      </c>
      <c r="C191" s="156">
        <v>9.1999999999999998E-2</v>
      </c>
      <c r="D191" s="97">
        <v>5.152318190923847E-2</v>
      </c>
      <c r="E191" s="156">
        <v>0.16</v>
      </c>
      <c r="F191" s="97">
        <v>6.3451071574600018E-2</v>
      </c>
      <c r="G191" s="156">
        <v>0.71399999999999997</v>
      </c>
      <c r="H191" s="97">
        <v>7.686417144100334E-2</v>
      </c>
      <c r="I191" s="156">
        <v>3.3000000000000002E-2</v>
      </c>
      <c r="J191" s="97">
        <v>3.5534770390499772E-2</v>
      </c>
    </row>
    <row r="192" spans="1:10">
      <c r="A192" s="45" t="s">
        <v>456</v>
      </c>
      <c r="B192" s="154">
        <v>499</v>
      </c>
      <c r="C192" s="157">
        <v>0.108</v>
      </c>
      <c r="D192" s="94">
        <v>2.8025867446802702E-2</v>
      </c>
      <c r="E192" s="157">
        <v>0.14599999999999999</v>
      </c>
      <c r="F192" s="94">
        <v>3.1738139886552254E-2</v>
      </c>
      <c r="G192" s="157">
        <v>0.73399999999999999</v>
      </c>
      <c r="H192" s="94">
        <v>3.9490936430867027E-2</v>
      </c>
      <c r="I192" s="157">
        <v>1.2E-2</v>
      </c>
      <c r="J192" s="94">
        <v>1.1148204064882867E-2</v>
      </c>
    </row>
    <row r="193" spans="1:10" ht="25.5">
      <c r="A193" s="49" t="s">
        <v>445</v>
      </c>
      <c r="B193" s="155">
        <v>166</v>
      </c>
      <c r="C193" s="156">
        <v>0.16700000000000001</v>
      </c>
      <c r="D193" s="97">
        <v>5.826267376357705E-2</v>
      </c>
      <c r="E193" s="156">
        <v>0.16600000000000001</v>
      </c>
      <c r="F193" s="97">
        <v>5.8134111280399713E-2</v>
      </c>
      <c r="G193" s="156">
        <v>0.65700000000000003</v>
      </c>
      <c r="H193" s="97">
        <v>7.3002386171474462E-2</v>
      </c>
      <c r="I193" s="156">
        <v>0.01</v>
      </c>
      <c r="J193" s="97">
        <v>2.2263605856549899E-2</v>
      </c>
    </row>
    <row r="194" spans="1:10">
      <c r="A194" s="45" t="s">
        <v>446</v>
      </c>
      <c r="B194" s="83">
        <v>109</v>
      </c>
      <c r="C194" s="157">
        <v>9.5000000000000001E-2</v>
      </c>
      <c r="D194" s="94">
        <v>5.8712396473352364E-2</v>
      </c>
      <c r="E194" s="157">
        <v>0.105</v>
      </c>
      <c r="F194" s="94">
        <v>6.0915003299193873E-2</v>
      </c>
      <c r="G194" s="157">
        <v>0.78</v>
      </c>
      <c r="H194" s="94">
        <v>7.9166499699155665E-2</v>
      </c>
      <c r="I194" s="157">
        <v>1.9E-2</v>
      </c>
      <c r="J194" s="94">
        <v>3.5061834866246658E-2</v>
      </c>
    </row>
    <row r="195" spans="1:10">
      <c r="A195" s="49" t="s">
        <v>447</v>
      </c>
      <c r="B195" s="155">
        <v>93</v>
      </c>
      <c r="C195" s="156">
        <v>7.1999999999999995E-2</v>
      </c>
      <c r="D195" s="97">
        <v>5.8012602419867852E-2</v>
      </c>
      <c r="E195" s="156">
        <v>0.17399999999999999</v>
      </c>
      <c r="F195" s="97">
        <v>7.9251214473289089E-2</v>
      </c>
      <c r="G195" s="156">
        <v>0.748</v>
      </c>
      <c r="H195" s="97">
        <v>8.9319052197587179E-2</v>
      </c>
      <c r="I195" s="156">
        <v>7.0000000000000001E-3</v>
      </c>
      <c r="J195" s="97">
        <v>3.3108988185231364E-2</v>
      </c>
    </row>
    <row r="196" spans="1:10">
      <c r="A196" s="57" t="s">
        <v>448</v>
      </c>
      <c r="B196" s="154">
        <v>131</v>
      </c>
      <c r="C196" s="157">
        <v>7.0000000000000007E-2</v>
      </c>
      <c r="D196" s="94">
        <v>4.7420798863075625E-2</v>
      </c>
      <c r="E196" s="157">
        <v>0.14000000000000001</v>
      </c>
      <c r="F196" s="94">
        <v>6.1575902506965541E-2</v>
      </c>
      <c r="G196" s="157">
        <v>0.78100000000000003</v>
      </c>
      <c r="H196" s="94">
        <v>7.2141599306188839E-2</v>
      </c>
      <c r="I196" s="157">
        <v>0.01</v>
      </c>
      <c r="J196" s="94">
        <v>2.662071639305142E-2</v>
      </c>
    </row>
    <row r="197" spans="1:10">
      <c r="A197" s="49" t="s">
        <v>457</v>
      </c>
      <c r="B197" s="155">
        <v>718</v>
      </c>
      <c r="C197" s="156">
        <v>9.1999999999999998E-2</v>
      </c>
      <c r="D197" s="97">
        <v>2.1748418874772173E-2</v>
      </c>
      <c r="E197" s="156">
        <v>0.13200000000000001</v>
      </c>
      <c r="F197" s="97">
        <v>2.5358633873964333E-2</v>
      </c>
      <c r="G197" s="156">
        <v>0.748</v>
      </c>
      <c r="H197" s="97">
        <v>3.2373820430718389E-2</v>
      </c>
      <c r="I197" s="156">
        <v>2.8000000000000001E-2</v>
      </c>
      <c r="J197" s="97">
        <v>1.2822608748348008E-2</v>
      </c>
    </row>
    <row r="198" spans="1:10">
      <c r="A198" s="57" t="s">
        <v>449</v>
      </c>
      <c r="B198" s="154">
        <v>131</v>
      </c>
      <c r="C198" s="157">
        <v>9.0999999999999998E-2</v>
      </c>
      <c r="D198" s="94">
        <v>5.2347864835176519E-2</v>
      </c>
      <c r="E198" s="157">
        <v>0.1</v>
      </c>
      <c r="F198" s="94">
        <v>5.4253455964789518E-2</v>
      </c>
      <c r="G198" s="157">
        <v>0.79</v>
      </c>
      <c r="H198" s="94">
        <v>7.1140939103171999E-2</v>
      </c>
      <c r="I198" s="157">
        <v>1.9E-2</v>
      </c>
      <c r="J198" s="94">
        <v>3.0862258480653153E-2</v>
      </c>
    </row>
    <row r="199" spans="1:10">
      <c r="A199" s="49" t="s">
        <v>450</v>
      </c>
      <c r="B199" s="155">
        <v>102</v>
      </c>
      <c r="C199" s="156">
        <v>3.7999999999999999E-2</v>
      </c>
      <c r="D199" s="97">
        <v>4.4450964330158715E-2</v>
      </c>
      <c r="E199" s="156">
        <v>0.122</v>
      </c>
      <c r="F199" s="97">
        <v>6.6643583708219045E-2</v>
      </c>
      <c r="G199" s="156">
        <v>0.76100000000000001</v>
      </c>
      <c r="H199" s="97">
        <v>8.3986342921949064E-2</v>
      </c>
      <c r="I199" s="156">
        <v>7.9000000000000001E-2</v>
      </c>
      <c r="J199" s="97">
        <v>5.6928717119411949E-2</v>
      </c>
    </row>
    <row r="200" spans="1:10" ht="25.5">
      <c r="A200" s="57" t="s">
        <v>451</v>
      </c>
      <c r="B200" s="154">
        <v>183</v>
      </c>
      <c r="C200" s="157">
        <v>4.7E-2</v>
      </c>
      <c r="D200" s="94">
        <v>3.3821203886481382E-2</v>
      </c>
      <c r="E200" s="157">
        <v>9.4E-2</v>
      </c>
      <c r="F200" s="94">
        <v>4.4395015157303513E-2</v>
      </c>
      <c r="G200" s="157">
        <v>0.83599999999999997</v>
      </c>
      <c r="H200" s="94">
        <v>5.5090032299919073E-2</v>
      </c>
      <c r="I200" s="157">
        <v>2.3E-2</v>
      </c>
      <c r="J200" s="94">
        <v>2.6203953450232624E-2</v>
      </c>
    </row>
    <row r="201" spans="1:10">
      <c r="A201" s="49" t="s">
        <v>452</v>
      </c>
      <c r="B201" s="155">
        <v>83</v>
      </c>
      <c r="C201" s="156">
        <v>0.13800000000000001</v>
      </c>
      <c r="D201" s="97">
        <v>7.7527603083069996E-2</v>
      </c>
      <c r="E201" s="156">
        <v>7.8E-2</v>
      </c>
      <c r="F201" s="97">
        <v>6.3577300593590208E-2</v>
      </c>
      <c r="G201" s="156">
        <v>0.77</v>
      </c>
      <c r="H201" s="97">
        <v>9.1889325238133063E-2</v>
      </c>
      <c r="I201" s="156">
        <v>1.4E-2</v>
      </c>
      <c r="J201" s="97">
        <v>4.0128461017452835E-2</v>
      </c>
    </row>
    <row r="202" spans="1:10">
      <c r="A202" s="57" t="s">
        <v>453</v>
      </c>
      <c r="B202" s="154">
        <v>89</v>
      </c>
      <c r="C202" s="157">
        <v>7.4999999999999997E-2</v>
      </c>
      <c r="D202" s="94">
        <v>6.0314049695514953E-2</v>
      </c>
      <c r="E202" s="157">
        <v>0.153</v>
      </c>
      <c r="F202" s="94">
        <v>7.7522391032507854E-2</v>
      </c>
      <c r="G202" s="157">
        <v>0.74299999999999999</v>
      </c>
      <c r="H202" s="94">
        <v>9.1797169506504794E-2</v>
      </c>
      <c r="I202" s="157">
        <v>2.8000000000000001E-2</v>
      </c>
      <c r="J202" s="94">
        <v>4.4464837574233147E-2</v>
      </c>
    </row>
    <row r="203" spans="1:10">
      <c r="A203" s="49" t="s">
        <v>454</v>
      </c>
      <c r="B203" s="155">
        <v>130</v>
      </c>
      <c r="C203" s="156">
        <v>0.17699999999999999</v>
      </c>
      <c r="D203" s="97">
        <v>6.731672362801959E-2</v>
      </c>
      <c r="E203" s="156">
        <v>0.20499999999999999</v>
      </c>
      <c r="F203" s="97">
        <v>7.0835731197344126E-2</v>
      </c>
      <c r="G203" s="156">
        <v>0.61099999999999999</v>
      </c>
      <c r="H203" s="97">
        <v>8.4359501363039949E-2</v>
      </c>
      <c r="I203" s="156">
        <v>7.0000000000000001E-3</v>
      </c>
      <c r="J203" s="97">
        <v>2.5182803362248769E-2</v>
      </c>
    </row>
  </sheetData>
  <mergeCells count="28">
    <mergeCell ref="A3:O3"/>
    <mergeCell ref="A4:O4"/>
    <mergeCell ref="E5:O5"/>
    <mergeCell ref="A90:I90"/>
    <mergeCell ref="A34:D34"/>
    <mergeCell ref="B63:H63"/>
    <mergeCell ref="I63:O63"/>
    <mergeCell ref="A61:V61"/>
    <mergeCell ref="A62:V62"/>
    <mergeCell ref="P63:V63"/>
    <mergeCell ref="A149:V149"/>
    <mergeCell ref="A5:D5"/>
    <mergeCell ref="A92:D92"/>
    <mergeCell ref="A119:D119"/>
    <mergeCell ref="A120:D120"/>
    <mergeCell ref="E92:I92"/>
    <mergeCell ref="A91:I91"/>
    <mergeCell ref="A121:D121"/>
    <mergeCell ref="A33:K33"/>
    <mergeCell ref="A32:K32"/>
    <mergeCell ref="E34:K34"/>
    <mergeCell ref="A148:V148"/>
    <mergeCell ref="B150:H150"/>
    <mergeCell ref="P150:V150"/>
    <mergeCell ref="I150:O150"/>
    <mergeCell ref="A179:J179"/>
    <mergeCell ref="A178:J178"/>
    <mergeCell ref="A177:J177"/>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8"/>
  <sheetViews>
    <sheetView zoomScaleNormal="100" workbookViewId="0"/>
  </sheetViews>
  <sheetFormatPr defaultColWidth="19.140625" defaultRowHeight="15"/>
  <cols>
    <col min="1" max="1" width="37.42578125" customWidth="1"/>
  </cols>
  <sheetData>
    <row r="1" spans="1:4" ht="31.5">
      <c r="A1" s="33" t="s">
        <v>40</v>
      </c>
    </row>
    <row r="3" spans="1:4" ht="18.75">
      <c r="A3" s="321" t="s">
        <v>11</v>
      </c>
      <c r="B3" s="321"/>
      <c r="C3" s="321"/>
      <c r="D3" s="321"/>
    </row>
    <row r="4" spans="1:4" ht="129.75" customHeight="1">
      <c r="A4" s="383" t="s">
        <v>261</v>
      </c>
      <c r="B4" s="383"/>
      <c r="C4" s="383"/>
      <c r="D4" s="383"/>
    </row>
    <row r="5" spans="1:4" ht="15.75" customHeight="1">
      <c r="A5" s="360" t="s">
        <v>141</v>
      </c>
      <c r="B5" s="360"/>
      <c r="C5" s="360"/>
      <c r="D5" s="360"/>
    </row>
    <row r="6" spans="1:4" ht="72">
      <c r="A6" s="37" t="s">
        <v>85</v>
      </c>
      <c r="B6" s="38" t="s">
        <v>86</v>
      </c>
      <c r="C6" s="39" t="s">
        <v>87</v>
      </c>
      <c r="D6" s="40" t="s">
        <v>88</v>
      </c>
    </row>
    <row r="7" spans="1:4" ht="72">
      <c r="A7" s="41"/>
      <c r="B7" s="42" t="s">
        <v>89</v>
      </c>
      <c r="C7" s="128" t="s">
        <v>142</v>
      </c>
      <c r="D7" s="44" t="s">
        <v>91</v>
      </c>
    </row>
    <row r="8" spans="1:4">
      <c r="A8" s="45" t="s">
        <v>436</v>
      </c>
      <c r="B8" s="158">
        <v>9254</v>
      </c>
      <c r="C8" s="159">
        <v>4.63</v>
      </c>
      <c r="D8" s="86">
        <v>1.9599999999999999E-2</v>
      </c>
    </row>
    <row r="9" spans="1:4">
      <c r="A9" s="49" t="s">
        <v>437</v>
      </c>
      <c r="B9" s="49">
        <v>8632</v>
      </c>
      <c r="C9" s="161">
        <v>4.58</v>
      </c>
      <c r="D9" s="87">
        <v>3.9199999999999999E-2</v>
      </c>
    </row>
    <row r="10" spans="1:4">
      <c r="A10" s="45" t="s">
        <v>438</v>
      </c>
      <c r="B10" s="53">
        <v>811</v>
      </c>
      <c r="C10" s="159">
        <v>4.53</v>
      </c>
      <c r="D10" s="86">
        <v>9.8000000000000004E-2</v>
      </c>
    </row>
    <row r="11" spans="1:4">
      <c r="A11" s="49" t="s">
        <v>439</v>
      </c>
      <c r="B11" s="49">
        <v>3489</v>
      </c>
      <c r="C11" s="161">
        <v>4.71</v>
      </c>
      <c r="D11" s="87">
        <v>3.9199999999999999E-2</v>
      </c>
    </row>
    <row r="12" spans="1:4">
      <c r="A12" s="45" t="s">
        <v>440</v>
      </c>
      <c r="B12" s="53">
        <v>3237</v>
      </c>
      <c r="C12" s="159">
        <v>4.7</v>
      </c>
      <c r="D12" s="86">
        <v>3.9199999999999999E-2</v>
      </c>
    </row>
    <row r="13" spans="1:4">
      <c r="A13" s="49" t="s">
        <v>455</v>
      </c>
      <c r="B13" s="49">
        <v>546</v>
      </c>
      <c r="C13" s="161">
        <v>4.7</v>
      </c>
      <c r="D13" s="87">
        <v>0.1176</v>
      </c>
    </row>
    <row r="14" spans="1:4">
      <c r="A14" s="45" t="s">
        <v>441</v>
      </c>
      <c r="B14" s="53">
        <v>112</v>
      </c>
      <c r="C14" s="159">
        <v>4.57</v>
      </c>
      <c r="D14" s="86">
        <v>0.27440000000000003</v>
      </c>
    </row>
    <row r="15" spans="1:4">
      <c r="A15" s="49" t="s">
        <v>442</v>
      </c>
      <c r="B15" s="49">
        <v>169</v>
      </c>
      <c r="C15" s="161">
        <v>4.76</v>
      </c>
      <c r="D15" s="87">
        <v>0.19600000000000001</v>
      </c>
    </row>
    <row r="16" spans="1:4">
      <c r="A16" s="45" t="s">
        <v>443</v>
      </c>
      <c r="B16" s="53">
        <v>132</v>
      </c>
      <c r="C16" s="159">
        <v>4.76</v>
      </c>
      <c r="D16" s="86">
        <v>0.21559999999999999</v>
      </c>
    </row>
    <row r="17" spans="1:29">
      <c r="A17" s="49" t="s">
        <v>444</v>
      </c>
      <c r="B17" s="49">
        <v>133</v>
      </c>
      <c r="C17" s="161">
        <v>4.68</v>
      </c>
      <c r="D17" s="87">
        <v>0.21559999999999999</v>
      </c>
    </row>
    <row r="18" spans="1:29">
      <c r="A18" s="45" t="s">
        <v>456</v>
      </c>
      <c r="B18" s="158">
        <v>503</v>
      </c>
      <c r="C18" s="159">
        <v>4.74</v>
      </c>
      <c r="D18" s="86">
        <v>0.1176</v>
      </c>
    </row>
    <row r="19" spans="1:29" ht="25.5">
      <c r="A19" s="49" t="s">
        <v>445</v>
      </c>
      <c r="B19" s="160">
        <v>169</v>
      </c>
      <c r="C19" s="161">
        <v>4.59</v>
      </c>
      <c r="D19" s="87">
        <v>0.21559999999999999</v>
      </c>
    </row>
    <row r="20" spans="1:29">
      <c r="A20" s="45" t="s">
        <v>446</v>
      </c>
      <c r="B20" s="83">
        <v>108</v>
      </c>
      <c r="C20" s="159">
        <v>5.07</v>
      </c>
      <c r="D20" s="86">
        <v>0.23519999999999999</v>
      </c>
    </row>
    <row r="21" spans="1:29">
      <c r="A21" s="49" t="s">
        <v>447</v>
      </c>
      <c r="B21" s="160">
        <v>93</v>
      </c>
      <c r="C21" s="161">
        <v>4.51</v>
      </c>
      <c r="D21" s="87">
        <v>0.29399999999999998</v>
      </c>
    </row>
    <row r="22" spans="1:29" ht="25.5">
      <c r="A22" s="57" t="s">
        <v>448</v>
      </c>
      <c r="B22" s="158">
        <v>133</v>
      </c>
      <c r="C22" s="159">
        <v>4.8</v>
      </c>
      <c r="D22" s="86">
        <v>0.23519999999999999</v>
      </c>
    </row>
    <row r="23" spans="1:29">
      <c r="A23" s="49" t="s">
        <v>457</v>
      </c>
      <c r="B23" s="160">
        <v>728</v>
      </c>
      <c r="C23" s="161">
        <v>4.71</v>
      </c>
      <c r="D23" s="87">
        <v>9.8000000000000004E-2</v>
      </c>
    </row>
    <row r="24" spans="1:29">
      <c r="A24" s="57" t="s">
        <v>449</v>
      </c>
      <c r="B24" s="158">
        <v>132</v>
      </c>
      <c r="C24" s="159">
        <v>4.58</v>
      </c>
      <c r="D24" s="86">
        <v>0.23519999999999999</v>
      </c>
    </row>
    <row r="25" spans="1:29">
      <c r="A25" s="49" t="s">
        <v>450</v>
      </c>
      <c r="B25" s="160">
        <v>106</v>
      </c>
      <c r="C25" s="161">
        <v>4.78</v>
      </c>
      <c r="D25" s="87">
        <v>0.27440000000000003</v>
      </c>
    </row>
    <row r="26" spans="1:29" ht="25.5">
      <c r="A26" s="57" t="s">
        <v>451</v>
      </c>
      <c r="B26" s="158">
        <v>185</v>
      </c>
      <c r="C26" s="159">
        <v>4.8600000000000003</v>
      </c>
      <c r="D26" s="86">
        <v>0.19600000000000001</v>
      </c>
    </row>
    <row r="27" spans="1:29">
      <c r="A27" s="49" t="s">
        <v>452</v>
      </c>
      <c r="B27" s="160">
        <v>82</v>
      </c>
      <c r="C27" s="161">
        <v>4.8499999999999996</v>
      </c>
      <c r="D27" s="87">
        <v>0.25480000000000003</v>
      </c>
    </row>
    <row r="28" spans="1:29">
      <c r="A28" s="57" t="s">
        <v>453</v>
      </c>
      <c r="B28" s="158">
        <v>93</v>
      </c>
      <c r="C28" s="159">
        <v>4.9800000000000004</v>
      </c>
      <c r="D28" s="86">
        <v>0.25480000000000003</v>
      </c>
    </row>
    <row r="29" spans="1:29">
      <c r="A29" s="49" t="s">
        <v>454</v>
      </c>
      <c r="B29" s="160">
        <v>130</v>
      </c>
      <c r="C29" s="161">
        <v>4.3099999999999996</v>
      </c>
      <c r="D29" s="87">
        <v>0.23519999999999999</v>
      </c>
    </row>
    <row r="32" spans="1:29" ht="18.75">
      <c r="A32" s="322" t="s">
        <v>43</v>
      </c>
      <c r="B32" s="322"/>
      <c r="C32" s="322"/>
      <c r="D32" s="322"/>
      <c r="E32" s="322"/>
      <c r="F32" s="322"/>
      <c r="G32" s="322"/>
      <c r="H32" s="322"/>
      <c r="I32" s="322"/>
      <c r="J32" s="322"/>
      <c r="K32" s="322"/>
      <c r="L32" s="322"/>
      <c r="M32" s="322"/>
      <c r="N32" s="322"/>
      <c r="O32" s="322"/>
      <c r="P32" s="322"/>
      <c r="Q32" s="322"/>
      <c r="R32" s="322"/>
      <c r="S32" s="322"/>
      <c r="T32" s="227"/>
      <c r="U32" s="227"/>
      <c r="V32" s="227"/>
      <c r="W32" s="227"/>
      <c r="X32" s="227"/>
      <c r="Y32" s="227"/>
      <c r="Z32" s="227"/>
      <c r="AA32" s="227"/>
      <c r="AB32" s="227"/>
      <c r="AC32" s="227"/>
    </row>
    <row r="33" spans="1:29" ht="60.75" customHeight="1">
      <c r="A33" s="369" t="s">
        <v>380</v>
      </c>
      <c r="B33" s="369"/>
      <c r="C33" s="369"/>
      <c r="D33" s="369"/>
      <c r="E33" s="369"/>
      <c r="F33" s="369"/>
      <c r="G33" s="369"/>
      <c r="H33" s="369"/>
      <c r="I33" s="369"/>
      <c r="J33" s="369"/>
      <c r="K33" s="369"/>
      <c r="L33" s="369"/>
      <c r="M33" s="369"/>
      <c r="N33" s="369"/>
      <c r="O33" s="369"/>
      <c r="P33" s="369"/>
      <c r="Q33" s="369"/>
      <c r="R33" s="369"/>
      <c r="S33" s="369"/>
      <c r="T33" s="253"/>
      <c r="U33" s="253"/>
      <c r="V33" s="253"/>
      <c r="W33" s="253"/>
      <c r="X33" s="253"/>
      <c r="Y33" s="253"/>
      <c r="Z33" s="253"/>
      <c r="AA33" s="253"/>
      <c r="AB33" s="253"/>
      <c r="AC33" s="253"/>
    </row>
    <row r="34" spans="1:29" ht="33.75" customHeight="1">
      <c r="A34" s="64"/>
      <c r="B34" s="364" t="s">
        <v>143</v>
      </c>
      <c r="C34" s="365"/>
      <c r="D34" s="365"/>
      <c r="E34" s="365"/>
      <c r="F34" s="365"/>
      <c r="G34" s="365"/>
      <c r="H34" s="365"/>
      <c r="I34" s="365"/>
      <c r="J34" s="366"/>
      <c r="K34" s="367" t="s">
        <v>144</v>
      </c>
      <c r="L34" s="368"/>
      <c r="M34" s="368"/>
      <c r="N34" s="368"/>
      <c r="O34" s="368"/>
      <c r="P34" s="368"/>
      <c r="Q34" s="368"/>
      <c r="R34" s="368"/>
      <c r="S34" s="368"/>
    </row>
    <row r="35" spans="1:29" ht="41.25" customHeight="1">
      <c r="A35" s="37" t="s">
        <v>85</v>
      </c>
      <c r="B35" s="38" t="s">
        <v>86</v>
      </c>
      <c r="C35" s="38" t="s">
        <v>178</v>
      </c>
      <c r="D35" s="89" t="s">
        <v>101</v>
      </c>
      <c r="E35" s="38" t="s">
        <v>179</v>
      </c>
      <c r="F35" s="89" t="s">
        <v>102</v>
      </c>
      <c r="G35" s="38" t="s">
        <v>180</v>
      </c>
      <c r="H35" s="89" t="s">
        <v>103</v>
      </c>
      <c r="I35" s="38" t="s">
        <v>357</v>
      </c>
      <c r="J35" s="89" t="s">
        <v>356</v>
      </c>
      <c r="K35" s="65" t="s">
        <v>86</v>
      </c>
      <c r="L35" s="65" t="s">
        <v>178</v>
      </c>
      <c r="M35" s="88" t="s">
        <v>101</v>
      </c>
      <c r="N35" s="65" t="s">
        <v>179</v>
      </c>
      <c r="O35" s="88" t="s">
        <v>102</v>
      </c>
      <c r="P35" s="65" t="s">
        <v>180</v>
      </c>
      <c r="Q35" s="88" t="s">
        <v>103</v>
      </c>
      <c r="R35" s="65" t="s">
        <v>357</v>
      </c>
      <c r="S35" s="88" t="s">
        <v>356</v>
      </c>
    </row>
    <row r="36" spans="1:29" ht="77.25" customHeight="1">
      <c r="A36" s="41"/>
      <c r="B36" s="42" t="s">
        <v>89</v>
      </c>
      <c r="C36" s="42" t="s">
        <v>181</v>
      </c>
      <c r="D36" s="91" t="s">
        <v>145</v>
      </c>
      <c r="E36" s="42" t="s">
        <v>182</v>
      </c>
      <c r="F36" s="91" t="s">
        <v>146</v>
      </c>
      <c r="G36" s="42" t="s">
        <v>183</v>
      </c>
      <c r="H36" s="91" t="s">
        <v>147</v>
      </c>
      <c r="I36" s="42" t="s">
        <v>357</v>
      </c>
      <c r="J36" s="91" t="s">
        <v>104</v>
      </c>
      <c r="K36" s="68" t="s">
        <v>89</v>
      </c>
      <c r="L36" s="68" t="s">
        <v>181</v>
      </c>
      <c r="M36" s="90" t="s">
        <v>145</v>
      </c>
      <c r="N36" s="68" t="s">
        <v>182</v>
      </c>
      <c r="O36" s="90" t="s">
        <v>146</v>
      </c>
      <c r="P36" s="68" t="s">
        <v>183</v>
      </c>
      <c r="Q36" s="90" t="s">
        <v>147</v>
      </c>
      <c r="R36" s="68" t="s">
        <v>357</v>
      </c>
      <c r="S36" s="90" t="s">
        <v>104</v>
      </c>
    </row>
    <row r="37" spans="1:29">
      <c r="A37" s="45" t="s">
        <v>436</v>
      </c>
      <c r="B37" s="158">
        <v>9361</v>
      </c>
      <c r="C37" s="162">
        <v>0.26700000000000002</v>
      </c>
      <c r="D37" s="94">
        <v>9.1439777660970185E-3</v>
      </c>
      <c r="E37" s="162">
        <v>0.19500000000000001</v>
      </c>
      <c r="F37" s="94">
        <v>8.1903267237955959E-3</v>
      </c>
      <c r="G37" s="162">
        <v>0.47699999999999998</v>
      </c>
      <c r="H37" s="94">
        <v>1.0322538991586489E-2</v>
      </c>
      <c r="I37" s="93">
        <v>0.06</v>
      </c>
      <c r="J37" s="94">
        <v>4.9153147216839535E-3</v>
      </c>
      <c r="K37" s="158">
        <v>9393</v>
      </c>
      <c r="L37" s="162">
        <v>0.192</v>
      </c>
      <c r="M37" s="94">
        <v>8.128392502322843E-3</v>
      </c>
      <c r="N37" s="162">
        <v>0.126</v>
      </c>
      <c r="O37" s="94">
        <v>6.8503222862829711E-3</v>
      </c>
      <c r="P37" s="162">
        <v>0.61599999999999999</v>
      </c>
      <c r="Q37" s="94">
        <v>1.0034641565253173E-2</v>
      </c>
      <c r="R37" s="93">
        <v>6.6000000000000003E-2</v>
      </c>
      <c r="S37" s="94">
        <v>5.129142896626142E-3</v>
      </c>
    </row>
    <row r="38" spans="1:29">
      <c r="A38" s="49" t="s">
        <v>437</v>
      </c>
      <c r="B38" s="160">
        <v>8720</v>
      </c>
      <c r="C38" s="163">
        <v>0.27600000000000002</v>
      </c>
      <c r="D38" s="97">
        <v>9.5729540637198435E-3</v>
      </c>
      <c r="E38" s="163">
        <v>0.191</v>
      </c>
      <c r="F38" s="97">
        <v>8.4194959724816446E-3</v>
      </c>
      <c r="G38" s="163">
        <v>0.48</v>
      </c>
      <c r="H38" s="97">
        <v>1.0697807449970632E-2</v>
      </c>
      <c r="I38" s="96">
        <v>5.2999999999999999E-2</v>
      </c>
      <c r="J38" s="97">
        <v>4.8059160849244272E-3</v>
      </c>
      <c r="K38" s="160">
        <v>8750</v>
      </c>
      <c r="L38" s="163">
        <v>0.21</v>
      </c>
      <c r="M38" s="97">
        <v>8.7086426241989815E-3</v>
      </c>
      <c r="N38" s="163">
        <v>0.125</v>
      </c>
      <c r="O38" s="97">
        <v>7.0736031620931405E-3</v>
      </c>
      <c r="P38" s="163">
        <v>0.60299999999999998</v>
      </c>
      <c r="Q38" s="97">
        <v>1.0458982254780031E-2</v>
      </c>
      <c r="R38" s="96">
        <v>6.0999999999999999E-2</v>
      </c>
      <c r="S38" s="97">
        <v>5.1237855705285737E-3</v>
      </c>
    </row>
    <row r="39" spans="1:29">
      <c r="A39" s="45" t="s">
        <v>438</v>
      </c>
      <c r="B39" s="158">
        <v>836</v>
      </c>
      <c r="C39" s="162">
        <v>0.22600000000000001</v>
      </c>
      <c r="D39" s="94">
        <v>2.8920029895277095E-2</v>
      </c>
      <c r="E39" s="162">
        <v>0.18540000000000001</v>
      </c>
      <c r="F39" s="94">
        <v>2.6900805195460772E-2</v>
      </c>
      <c r="G39" s="162">
        <v>0.4914</v>
      </c>
      <c r="H39" s="94">
        <v>3.4498222363026659E-2</v>
      </c>
      <c r="I39" s="93">
        <v>9.7199999999999995E-2</v>
      </c>
      <c r="J39" s="94">
        <v>2.0620574380535005E-2</v>
      </c>
      <c r="K39" s="158">
        <v>840</v>
      </c>
      <c r="L39" s="162">
        <v>0.2414</v>
      </c>
      <c r="M39" s="94">
        <v>2.9510895595845101E-2</v>
      </c>
      <c r="N39" s="162">
        <v>0.152</v>
      </c>
      <c r="O39" s="94">
        <v>2.4825570163193846E-2</v>
      </c>
      <c r="P39" s="162">
        <v>0.50119999999999998</v>
      </c>
      <c r="Q39" s="94">
        <v>3.4421321344676507E-2</v>
      </c>
      <c r="R39" s="93">
        <v>0.10539999999999999</v>
      </c>
      <c r="S39" s="94">
        <v>2.1303856622659864E-2</v>
      </c>
    </row>
    <row r="40" spans="1:29">
      <c r="A40" s="49" t="s">
        <v>439</v>
      </c>
      <c r="B40" s="160">
        <v>3527</v>
      </c>
      <c r="C40" s="163">
        <v>0.253</v>
      </c>
      <c r="D40" s="97">
        <v>1.4637279584583086E-2</v>
      </c>
      <c r="E40" s="163">
        <v>0.21099999999999999</v>
      </c>
      <c r="F40" s="97">
        <v>1.3740654121274778E-2</v>
      </c>
      <c r="G40" s="163">
        <v>0.46300000000000002</v>
      </c>
      <c r="H40" s="97">
        <v>1.6782686521557694E-2</v>
      </c>
      <c r="I40" s="96">
        <v>7.3999999999999996E-2</v>
      </c>
      <c r="J40" s="97">
        <v>8.8369174707065064E-3</v>
      </c>
      <c r="K40" s="160">
        <v>3552</v>
      </c>
      <c r="L40" s="163">
        <v>0.156</v>
      </c>
      <c r="M40" s="97">
        <v>1.218206804145743E-2</v>
      </c>
      <c r="N40" s="163">
        <v>0.11899999999999999</v>
      </c>
      <c r="O40" s="97">
        <v>1.0876409066884899E-2</v>
      </c>
      <c r="P40" s="163">
        <v>0.64600000000000002</v>
      </c>
      <c r="Q40" s="97">
        <v>1.604030104553494E-2</v>
      </c>
      <c r="R40" s="96">
        <v>7.9000000000000001E-2</v>
      </c>
      <c r="S40" s="97">
        <v>9.0714894819031288E-3</v>
      </c>
    </row>
    <row r="41" spans="1:29">
      <c r="A41" s="45" t="s">
        <v>440</v>
      </c>
      <c r="B41" s="158">
        <v>3269</v>
      </c>
      <c r="C41" s="162">
        <v>0.26</v>
      </c>
      <c r="D41" s="94">
        <v>1.5339749540458442E-2</v>
      </c>
      <c r="E41" s="162">
        <v>0.20499999999999999</v>
      </c>
      <c r="F41" s="94">
        <v>1.4122141026911773E-2</v>
      </c>
      <c r="G41" s="162">
        <v>0.46400000000000002</v>
      </c>
      <c r="H41" s="94">
        <v>1.7434164611258171E-2</v>
      </c>
      <c r="I41" s="93">
        <v>7.0999999999999994E-2</v>
      </c>
      <c r="J41" s="94">
        <v>9.0088435102171228E-3</v>
      </c>
      <c r="K41" s="158">
        <v>3293</v>
      </c>
      <c r="L41" s="162">
        <v>0.157</v>
      </c>
      <c r="M41" s="94">
        <v>1.268532840022735E-2</v>
      </c>
      <c r="N41" s="162">
        <v>0.124</v>
      </c>
      <c r="O41" s="94">
        <v>1.1497877767533832E-2</v>
      </c>
      <c r="P41" s="162">
        <v>0.64200000000000002</v>
      </c>
      <c r="Q41" s="94">
        <v>1.6700356506961885E-2</v>
      </c>
      <c r="R41" s="93">
        <v>7.5999999999999998E-2</v>
      </c>
      <c r="S41" s="94">
        <v>9.2588530818504596E-3</v>
      </c>
    </row>
    <row r="42" spans="1:29">
      <c r="A42" s="49" t="s">
        <v>455</v>
      </c>
      <c r="B42" s="160">
        <v>556</v>
      </c>
      <c r="C42" s="163">
        <v>0.27600000000000002</v>
      </c>
      <c r="D42" s="97">
        <v>3.7847272028509529E-2</v>
      </c>
      <c r="E42" s="163">
        <v>0.23499999999999999</v>
      </c>
      <c r="F42" s="97">
        <v>3.5933930580754829E-2</v>
      </c>
      <c r="G42" s="163">
        <v>0.41199999999999998</v>
      </c>
      <c r="H42" s="97">
        <v>4.1607539964821263E-2</v>
      </c>
      <c r="I42" s="96">
        <v>7.8E-2</v>
      </c>
      <c r="J42" s="97">
        <v>2.3060629904742381E-2</v>
      </c>
      <c r="K42" s="160">
        <v>558</v>
      </c>
      <c r="L42" s="163">
        <v>0.114</v>
      </c>
      <c r="M42" s="97">
        <v>2.7091172240062224E-2</v>
      </c>
      <c r="N42" s="163">
        <v>0.124</v>
      </c>
      <c r="O42" s="97">
        <v>2.806059888018788E-2</v>
      </c>
      <c r="P42" s="163">
        <v>0.67900000000000005</v>
      </c>
      <c r="Q42" s="97">
        <v>3.9427710012422026E-2</v>
      </c>
      <c r="R42" s="96">
        <v>8.2000000000000003E-2</v>
      </c>
      <c r="S42" s="97">
        <v>2.3524700916007269E-2</v>
      </c>
    </row>
    <row r="43" spans="1:29">
      <c r="A43" s="45" t="s">
        <v>441</v>
      </c>
      <c r="B43" s="158">
        <v>113</v>
      </c>
      <c r="C43" s="162">
        <v>0.30399999999999999</v>
      </c>
      <c r="D43" s="94">
        <v>8.5568153191768831E-2</v>
      </c>
      <c r="E43" s="162">
        <v>0.24299999999999999</v>
      </c>
      <c r="F43" s="94">
        <v>8.0253864605813283E-2</v>
      </c>
      <c r="G43" s="162">
        <v>0.435</v>
      </c>
      <c r="H43" s="94">
        <v>9.1718437710067435E-2</v>
      </c>
      <c r="I43" s="93">
        <v>1.7999999999999999E-2</v>
      </c>
      <c r="J43" s="94">
        <v>3.3735956308805035E-2</v>
      </c>
      <c r="K43" s="158">
        <v>112</v>
      </c>
      <c r="L43" s="162">
        <v>0.152</v>
      </c>
      <c r="M43" s="94">
        <v>6.8758447756846822E-2</v>
      </c>
      <c r="N43" s="162">
        <v>6.2E-2</v>
      </c>
      <c r="O43" s="94">
        <v>4.9535256180036513E-2</v>
      </c>
      <c r="P43" s="162">
        <v>0.73299999999999998</v>
      </c>
      <c r="Q43" s="94">
        <v>8.291884608632015E-2</v>
      </c>
      <c r="R43" s="93">
        <v>5.1999999999999998E-2</v>
      </c>
      <c r="S43" s="94">
        <v>4.6571785873994721E-2</v>
      </c>
    </row>
    <row r="44" spans="1:29">
      <c r="A44" s="49" t="s">
        <v>442</v>
      </c>
      <c r="B44" s="160">
        <v>172</v>
      </c>
      <c r="C44" s="163">
        <v>0.27700000000000002</v>
      </c>
      <c r="D44" s="97">
        <v>6.784101109880615E-2</v>
      </c>
      <c r="E44" s="163">
        <v>0.21299999999999999</v>
      </c>
      <c r="F44" s="97">
        <v>6.2401285586165298E-2</v>
      </c>
      <c r="G44" s="163">
        <v>0.44700000000000001</v>
      </c>
      <c r="H44" s="97">
        <v>7.4972302596060247E-2</v>
      </c>
      <c r="I44" s="96">
        <v>6.3E-2</v>
      </c>
      <c r="J44" s="97">
        <v>3.9200176274682627E-2</v>
      </c>
      <c r="K44" s="160">
        <v>173</v>
      </c>
      <c r="L44" s="163">
        <v>0.127</v>
      </c>
      <c r="M44" s="97">
        <v>5.1439891302518623E-2</v>
      </c>
      <c r="N44" s="163">
        <v>0.122</v>
      </c>
      <c r="O44" s="97">
        <v>5.0645787051599403E-2</v>
      </c>
      <c r="P44" s="163">
        <v>0.69299999999999995</v>
      </c>
      <c r="Q44" s="97">
        <v>6.9609978378260079E-2</v>
      </c>
      <c r="R44" s="96">
        <v>5.8000000000000003E-2</v>
      </c>
      <c r="S44" s="97">
        <v>3.7841846672148294E-2</v>
      </c>
    </row>
    <row r="45" spans="1:29">
      <c r="A45" s="45" t="s">
        <v>443</v>
      </c>
      <c r="B45" s="158">
        <v>134</v>
      </c>
      <c r="C45" s="162">
        <v>0.25700000000000001</v>
      </c>
      <c r="D45" s="94">
        <v>7.5050614775798163E-2</v>
      </c>
      <c r="E45" s="162">
        <v>0.27200000000000002</v>
      </c>
      <c r="F45" s="94">
        <v>7.6326129087129574E-2</v>
      </c>
      <c r="G45" s="162">
        <v>0.41499999999999998</v>
      </c>
      <c r="H45" s="94">
        <v>8.3957851818183674E-2</v>
      </c>
      <c r="I45" s="93">
        <v>5.6000000000000001E-2</v>
      </c>
      <c r="J45" s="94">
        <v>4.3113113175190412E-2</v>
      </c>
      <c r="K45" s="158">
        <v>134</v>
      </c>
      <c r="L45" s="162">
        <v>5.7000000000000002E-2</v>
      </c>
      <c r="M45" s="94">
        <v>4.339333854436607E-2</v>
      </c>
      <c r="N45" s="162">
        <v>0.151</v>
      </c>
      <c r="O45" s="94">
        <v>6.259082565849039E-2</v>
      </c>
      <c r="P45" s="162">
        <v>0.69099999999999995</v>
      </c>
      <c r="Q45" s="94">
        <v>7.905294331552383E-2</v>
      </c>
      <c r="R45" s="93">
        <v>0.10100000000000001</v>
      </c>
      <c r="S45" s="94">
        <v>5.3809726297403979E-2</v>
      </c>
    </row>
    <row r="46" spans="1:29">
      <c r="A46" s="49" t="s">
        <v>444</v>
      </c>
      <c r="B46" s="160">
        <v>137</v>
      </c>
      <c r="C46" s="163">
        <v>0.27</v>
      </c>
      <c r="D46" s="97">
        <v>7.5335438079274231E-2</v>
      </c>
      <c r="E46" s="163">
        <v>0.22900000000000001</v>
      </c>
      <c r="F46" s="97">
        <v>7.1591187851998708E-2</v>
      </c>
      <c r="G46" s="163">
        <v>0.36</v>
      </c>
      <c r="H46" s="97">
        <v>8.1038697153900205E-2</v>
      </c>
      <c r="I46" s="96">
        <v>0.14099999999999999</v>
      </c>
      <c r="J46" s="97">
        <v>6.0336567888894604E-2</v>
      </c>
      <c r="K46" s="160">
        <v>139</v>
      </c>
      <c r="L46" s="163">
        <v>0.11700000000000001</v>
      </c>
      <c r="M46" s="97">
        <v>5.582254679208562E-2</v>
      </c>
      <c r="N46" s="163">
        <v>0.14399999999999999</v>
      </c>
      <c r="O46" s="97">
        <v>6.0361374041761569E-2</v>
      </c>
      <c r="P46" s="163">
        <v>0.627</v>
      </c>
      <c r="Q46" s="97">
        <v>8.1035380651506242E-2</v>
      </c>
      <c r="R46" s="96">
        <v>0.113</v>
      </c>
      <c r="S46" s="97">
        <v>5.5088612889246456E-2</v>
      </c>
    </row>
    <row r="47" spans="1:29">
      <c r="A47" s="45" t="s">
        <v>456</v>
      </c>
      <c r="B47" s="158">
        <v>508</v>
      </c>
      <c r="C47" s="162">
        <v>0.27200000000000002</v>
      </c>
      <c r="D47" s="94">
        <v>3.9412192469109965E-2</v>
      </c>
      <c r="E47" s="162">
        <v>0.185</v>
      </c>
      <c r="F47" s="94">
        <v>3.4496301252319644E-2</v>
      </c>
      <c r="G47" s="162">
        <v>0.502</v>
      </c>
      <c r="H47" s="94">
        <v>4.4193825772090627E-2</v>
      </c>
      <c r="I47" s="93">
        <v>4.2000000000000003E-2</v>
      </c>
      <c r="J47" s="94">
        <v>1.8435012442675397E-2</v>
      </c>
      <c r="K47" s="158">
        <v>511</v>
      </c>
      <c r="L47" s="162">
        <v>0.151</v>
      </c>
      <c r="M47" s="94">
        <v>3.17861429886813E-2</v>
      </c>
      <c r="N47" s="162">
        <v>0.13100000000000001</v>
      </c>
      <c r="O47" s="94">
        <v>3.0009177659321238E-2</v>
      </c>
      <c r="P47" s="162">
        <v>0.64900000000000002</v>
      </c>
      <c r="Q47" s="94">
        <v>4.2094902544277078E-2</v>
      </c>
      <c r="R47" s="93">
        <v>6.9000000000000006E-2</v>
      </c>
      <c r="S47" s="94">
        <v>2.2831319235745964E-2</v>
      </c>
    </row>
    <row r="48" spans="1:29" ht="25.5">
      <c r="A48" s="49" t="s">
        <v>445</v>
      </c>
      <c r="B48" s="160">
        <v>170</v>
      </c>
      <c r="C48" s="163">
        <v>0.26500000000000001</v>
      </c>
      <c r="D48" s="97">
        <v>6.7344524327819053E-2</v>
      </c>
      <c r="E48" s="163">
        <v>0.19800000000000001</v>
      </c>
      <c r="F48" s="97">
        <v>6.120271360730925E-2</v>
      </c>
      <c r="G48" s="163">
        <v>0.50800000000000001</v>
      </c>
      <c r="H48" s="97">
        <v>7.5800541153948284E-2</v>
      </c>
      <c r="I48" s="96">
        <v>2.9000000000000001E-2</v>
      </c>
      <c r="J48" s="97">
        <v>2.9649814243696688E-2</v>
      </c>
      <c r="K48" s="160">
        <v>171</v>
      </c>
      <c r="L48" s="163">
        <v>0.215</v>
      </c>
      <c r="M48" s="97">
        <v>6.2782291759703887E-2</v>
      </c>
      <c r="N48" s="163">
        <v>0.16700000000000001</v>
      </c>
      <c r="O48" s="97">
        <v>5.7395326357002466E-2</v>
      </c>
      <c r="P48" s="163">
        <v>0.52700000000000002</v>
      </c>
      <c r="Q48" s="97">
        <v>7.5487587603939171E-2</v>
      </c>
      <c r="R48" s="96">
        <v>9.0999999999999998E-2</v>
      </c>
      <c r="S48" s="97">
        <v>4.5425917244502317E-2</v>
      </c>
    </row>
    <row r="49" spans="1:19">
      <c r="A49" s="45" t="s">
        <v>446</v>
      </c>
      <c r="B49" s="158">
        <v>113</v>
      </c>
      <c r="C49" s="162">
        <v>0.161</v>
      </c>
      <c r="D49" s="94">
        <v>6.9872294742334487E-2</v>
      </c>
      <c r="E49" s="162">
        <v>0.15</v>
      </c>
      <c r="F49" s="94">
        <v>6.8120779544968979E-2</v>
      </c>
      <c r="G49" s="162">
        <v>0.59299999999999997</v>
      </c>
      <c r="H49" s="94">
        <v>9.0946076909259585E-2</v>
      </c>
      <c r="I49" s="93">
        <v>9.5000000000000001E-2</v>
      </c>
      <c r="J49" s="94">
        <v>5.7586402905770669E-2</v>
      </c>
      <c r="K49" s="158">
        <v>113</v>
      </c>
      <c r="L49" s="162">
        <v>4.8000000000000001E-2</v>
      </c>
      <c r="M49" s="94">
        <v>4.5074187404883198E-2</v>
      </c>
      <c r="N49" s="162">
        <v>9.4E-2</v>
      </c>
      <c r="O49" s="94">
        <v>5.7361404492372037E-2</v>
      </c>
      <c r="P49" s="162">
        <v>0.749</v>
      </c>
      <c r="Q49" s="94">
        <v>8.1054148093454126E-2</v>
      </c>
      <c r="R49" s="93">
        <v>0.109</v>
      </c>
      <c r="S49" s="94">
        <v>6.0593562909335021E-2</v>
      </c>
    </row>
    <row r="50" spans="1:19">
      <c r="A50" s="49" t="s">
        <v>447</v>
      </c>
      <c r="B50" s="160">
        <v>94</v>
      </c>
      <c r="C50" s="163">
        <v>0.36499999999999999</v>
      </c>
      <c r="D50" s="97">
        <v>9.7568896171491296E-2</v>
      </c>
      <c r="E50" s="163">
        <v>0.20300000000000001</v>
      </c>
      <c r="F50" s="97">
        <v>8.301580398459539E-2</v>
      </c>
      <c r="G50" s="163">
        <v>0.41099999999999998</v>
      </c>
      <c r="H50" s="97">
        <v>9.9532051257962856E-2</v>
      </c>
      <c r="I50" s="96">
        <v>2.1000000000000001E-2</v>
      </c>
      <c r="J50" s="97">
        <v>3.985004296826096E-2</v>
      </c>
      <c r="K50" s="160">
        <v>94</v>
      </c>
      <c r="L50" s="163">
        <v>0.19900000000000001</v>
      </c>
      <c r="M50" s="97">
        <v>8.2473016298217891E-2</v>
      </c>
      <c r="N50" s="163">
        <v>0.13500000000000001</v>
      </c>
      <c r="O50" s="97">
        <v>7.2119108118202824E-2</v>
      </c>
      <c r="P50" s="163">
        <v>0.63</v>
      </c>
      <c r="Q50" s="97">
        <v>9.7823547288647908E-2</v>
      </c>
      <c r="R50" s="96">
        <v>3.6999999999999998E-2</v>
      </c>
      <c r="S50" s="97">
        <v>4.6411371470210523E-2</v>
      </c>
    </row>
    <row r="51" spans="1:19" ht="25.5">
      <c r="A51" s="57" t="s">
        <v>448</v>
      </c>
      <c r="B51" s="158">
        <v>131</v>
      </c>
      <c r="C51" s="162">
        <v>0.33400000000000002</v>
      </c>
      <c r="D51" s="94">
        <v>8.1477605434682548E-2</v>
      </c>
      <c r="E51" s="162">
        <v>0.19</v>
      </c>
      <c r="F51" s="94">
        <v>6.8747621575112869E-2</v>
      </c>
      <c r="G51" s="162">
        <v>0.46700000000000003</v>
      </c>
      <c r="H51" s="94">
        <v>8.5889606543033223E-2</v>
      </c>
      <c r="I51" s="93">
        <v>8.9999999999999993E-3</v>
      </c>
      <c r="J51" s="94">
        <v>2.6101586650760164E-2</v>
      </c>
      <c r="K51" s="158">
        <v>133</v>
      </c>
      <c r="L51" s="162">
        <v>0.13100000000000001</v>
      </c>
      <c r="M51" s="94">
        <v>5.960305047795527E-2</v>
      </c>
      <c r="N51" s="162">
        <v>0.121</v>
      </c>
      <c r="O51" s="94">
        <v>5.7850637291365498E-2</v>
      </c>
      <c r="P51" s="162">
        <v>0.74</v>
      </c>
      <c r="Q51" s="94">
        <v>7.5592916944398722E-2</v>
      </c>
      <c r="R51" s="93">
        <v>8.9999999999999993E-3</v>
      </c>
      <c r="S51" s="94">
        <v>2.579606059937227E-2</v>
      </c>
    </row>
    <row r="52" spans="1:19">
      <c r="A52" s="49" t="s">
        <v>457</v>
      </c>
      <c r="B52" s="160">
        <v>731</v>
      </c>
      <c r="C52" s="163">
        <v>0.255</v>
      </c>
      <c r="D52" s="97">
        <v>3.2209058222724553E-2</v>
      </c>
      <c r="E52" s="163">
        <v>0.2</v>
      </c>
      <c r="F52" s="97">
        <v>2.9598393620753623E-2</v>
      </c>
      <c r="G52" s="163">
        <v>0.47</v>
      </c>
      <c r="H52" s="97">
        <v>3.6819823798593804E-2</v>
      </c>
      <c r="I52" s="96">
        <v>7.5999999999999998E-2</v>
      </c>
      <c r="J52" s="97">
        <v>1.9818965849647211E-2</v>
      </c>
      <c r="K52" s="160">
        <v>738</v>
      </c>
      <c r="L52" s="163">
        <v>0.15</v>
      </c>
      <c r="M52" s="97">
        <v>2.6352083724259002E-2</v>
      </c>
      <c r="N52" s="163">
        <v>0.115</v>
      </c>
      <c r="O52" s="97">
        <v>2.3606021163550681E-2</v>
      </c>
      <c r="P52" s="163">
        <v>0.65100000000000002</v>
      </c>
      <c r="Q52" s="97">
        <v>3.5015912459914075E-2</v>
      </c>
      <c r="R52" s="96">
        <v>8.5000000000000006E-2</v>
      </c>
      <c r="S52" s="97">
        <v>2.0718478576711972E-2</v>
      </c>
    </row>
    <row r="53" spans="1:19">
      <c r="A53" s="57" t="s">
        <v>449</v>
      </c>
      <c r="B53" s="158">
        <v>132</v>
      </c>
      <c r="C53" s="162">
        <v>0.31900000000000001</v>
      </c>
      <c r="D53" s="94">
        <v>8.0282182053946244E-2</v>
      </c>
      <c r="E53" s="162">
        <v>0.13700000000000001</v>
      </c>
      <c r="F53" s="94">
        <v>6.0844094551962546E-2</v>
      </c>
      <c r="G53" s="162">
        <v>0.501</v>
      </c>
      <c r="H53" s="94">
        <v>8.5749131012313975E-2</v>
      </c>
      <c r="I53" s="93">
        <v>4.3999999999999997E-2</v>
      </c>
      <c r="J53" s="94">
        <v>3.989532405862016E-2</v>
      </c>
      <c r="K53" s="158">
        <v>133</v>
      </c>
      <c r="L53" s="162">
        <v>0.248</v>
      </c>
      <c r="M53" s="94">
        <v>7.4510593485944646E-2</v>
      </c>
      <c r="N53" s="162">
        <v>9.7000000000000003E-2</v>
      </c>
      <c r="O53" s="94">
        <v>5.320015600318645E-2</v>
      </c>
      <c r="P53" s="162">
        <v>0.52900000000000003</v>
      </c>
      <c r="Q53" s="94">
        <v>8.5300224208329889E-2</v>
      </c>
      <c r="R53" s="93">
        <v>0.126</v>
      </c>
      <c r="S53" s="94">
        <v>5.873923608986021E-2</v>
      </c>
    </row>
    <row r="54" spans="1:19">
      <c r="A54" s="49" t="s">
        <v>450</v>
      </c>
      <c r="B54" s="160">
        <v>106</v>
      </c>
      <c r="C54" s="163">
        <v>0.253</v>
      </c>
      <c r="D54" s="97">
        <v>8.3849940667614281E-2</v>
      </c>
      <c r="E54" s="163">
        <v>0.17899999999999999</v>
      </c>
      <c r="F54" s="97">
        <v>7.491004019297412E-2</v>
      </c>
      <c r="G54" s="163">
        <v>0.45400000000000001</v>
      </c>
      <c r="H54" s="97">
        <v>9.497082669623283E-2</v>
      </c>
      <c r="I54" s="96">
        <v>0.115</v>
      </c>
      <c r="J54" s="97">
        <v>6.3920120605188299E-2</v>
      </c>
      <c r="K54" s="160">
        <v>108</v>
      </c>
      <c r="L54" s="163">
        <v>0.112</v>
      </c>
      <c r="M54" s="97">
        <v>6.2683195073372056E-2</v>
      </c>
      <c r="N54" s="163">
        <v>0.11700000000000001</v>
      </c>
      <c r="O54" s="97">
        <v>6.3696176830201179E-2</v>
      </c>
      <c r="P54" s="163">
        <v>0.60299999999999998</v>
      </c>
      <c r="Q54" s="97">
        <v>9.2608093950978368E-2</v>
      </c>
      <c r="R54" s="96">
        <v>0.16800000000000001</v>
      </c>
      <c r="S54" s="97">
        <v>7.2582108928048852E-2</v>
      </c>
    </row>
    <row r="55" spans="1:19" ht="25.5">
      <c r="A55" s="57" t="s">
        <v>451</v>
      </c>
      <c r="B55" s="158">
        <v>185</v>
      </c>
      <c r="C55" s="162">
        <v>0.25</v>
      </c>
      <c r="D55" s="94">
        <v>6.3432254894704276E-2</v>
      </c>
      <c r="E55" s="162">
        <v>0.223</v>
      </c>
      <c r="F55" s="94">
        <v>6.1115628155542154E-2</v>
      </c>
      <c r="G55" s="162">
        <v>0.41799999999999998</v>
      </c>
      <c r="H55" s="94">
        <v>7.179594865150038E-2</v>
      </c>
      <c r="I55" s="93">
        <v>0.109</v>
      </c>
      <c r="J55" s="94">
        <v>4.6807423918242538E-2</v>
      </c>
      <c r="K55" s="158">
        <v>188</v>
      </c>
      <c r="L55" s="162">
        <v>0.11700000000000001</v>
      </c>
      <c r="M55" s="94">
        <v>4.7731753618086931E-2</v>
      </c>
      <c r="N55" s="162">
        <v>7.1999999999999995E-2</v>
      </c>
      <c r="O55" s="94">
        <v>3.9361878692625467E-2</v>
      </c>
      <c r="P55" s="162">
        <v>0.77300000000000002</v>
      </c>
      <c r="Q55" s="94">
        <v>6.0989074729234288E-2</v>
      </c>
      <c r="R55" s="93">
        <v>3.9E-2</v>
      </c>
      <c r="S55" s="94">
        <v>3.1038216245362196E-2</v>
      </c>
    </row>
    <row r="56" spans="1:19">
      <c r="A56" s="49" t="s">
        <v>452</v>
      </c>
      <c r="B56" s="160">
        <v>84</v>
      </c>
      <c r="C56" s="163">
        <v>0.22</v>
      </c>
      <c r="D56" s="97">
        <v>9.0092197537300231E-2</v>
      </c>
      <c r="E56" s="163">
        <v>0.25600000000000001</v>
      </c>
      <c r="F56" s="97">
        <v>9.4328573558767739E-2</v>
      </c>
      <c r="G56" s="163">
        <v>0.49</v>
      </c>
      <c r="H56" s="97">
        <v>0.10658093047443522</v>
      </c>
      <c r="I56" s="96">
        <v>3.4000000000000002E-2</v>
      </c>
      <c r="J56" s="97">
        <v>4.8681144905098776E-2</v>
      </c>
      <c r="K56" s="160">
        <v>84</v>
      </c>
      <c r="L56" s="163">
        <v>6.6000000000000003E-2</v>
      </c>
      <c r="M56" s="97">
        <v>5.9687865158527573E-2</v>
      </c>
      <c r="N56" s="163">
        <v>0.14399999999999999</v>
      </c>
      <c r="O56" s="97">
        <v>7.8196606327717647E-2</v>
      </c>
      <c r="P56" s="163">
        <v>0.68600000000000005</v>
      </c>
      <c r="Q56" s="97">
        <v>9.9653401978659809E-2</v>
      </c>
      <c r="R56" s="96">
        <v>0.104</v>
      </c>
      <c r="S56" s="97">
        <v>6.9777568680121624E-2</v>
      </c>
    </row>
    <row r="57" spans="1:19">
      <c r="A57" s="57" t="s">
        <v>453</v>
      </c>
      <c r="B57" s="158">
        <v>93</v>
      </c>
      <c r="C57" s="162">
        <v>0.17599999999999999</v>
      </c>
      <c r="D57" s="94">
        <v>7.9561505170255162E-2</v>
      </c>
      <c r="E57" s="162">
        <v>0.19</v>
      </c>
      <c r="F57" s="94">
        <v>8.1648569331557855E-2</v>
      </c>
      <c r="G57" s="162">
        <v>0.59</v>
      </c>
      <c r="H57" s="94">
        <v>0.10001118848563273</v>
      </c>
      <c r="I57" s="93">
        <v>4.3999999999999997E-2</v>
      </c>
      <c r="J57" s="94">
        <v>4.926669093116403E-2</v>
      </c>
      <c r="K57" s="158">
        <v>93</v>
      </c>
      <c r="L57" s="162">
        <v>9.5000000000000001E-2</v>
      </c>
      <c r="M57" s="94">
        <v>6.3966457259485965E-2</v>
      </c>
      <c r="N57" s="162">
        <v>9.6000000000000002E-2</v>
      </c>
      <c r="O57" s="94">
        <v>6.4205714706031161E-2</v>
      </c>
      <c r="P57" s="162">
        <v>0.76700000000000002</v>
      </c>
      <c r="Q57" s="94">
        <v>8.7218005859764913E-2</v>
      </c>
      <c r="R57" s="93">
        <v>4.2999999999999997E-2</v>
      </c>
      <c r="S57" s="94">
        <v>4.8914194667468436E-2</v>
      </c>
    </row>
    <row r="58" spans="1:19">
      <c r="A58" s="49" t="s">
        <v>454</v>
      </c>
      <c r="B58" s="160">
        <v>131</v>
      </c>
      <c r="C58" s="163">
        <v>0.28999999999999998</v>
      </c>
      <c r="D58" s="97">
        <v>7.8594056373890261E-2</v>
      </c>
      <c r="E58" s="163">
        <v>0.215</v>
      </c>
      <c r="F58" s="97">
        <v>7.1702476777585844E-2</v>
      </c>
      <c r="G58" s="163">
        <v>0.42399999999999999</v>
      </c>
      <c r="H58" s="97">
        <v>8.5124955760204957E-2</v>
      </c>
      <c r="I58" s="96">
        <v>7.0999999999999994E-2</v>
      </c>
      <c r="J58" s="97">
        <v>4.7672823530161348E-2</v>
      </c>
      <c r="K58" s="160">
        <v>132</v>
      </c>
      <c r="L58" s="163">
        <v>0.222</v>
      </c>
      <c r="M58" s="97">
        <v>7.2191588025479439E-2</v>
      </c>
      <c r="N58" s="163">
        <v>0.17399999999999999</v>
      </c>
      <c r="O58" s="97">
        <v>6.6395338947786472E-2</v>
      </c>
      <c r="P58" s="163">
        <v>0.53300000000000003</v>
      </c>
      <c r="Q58" s="97">
        <v>8.5573174188218956E-2</v>
      </c>
      <c r="R58" s="96">
        <v>7.0999999999999994E-2</v>
      </c>
      <c r="S58" s="97">
        <v>4.7473130530106357E-2</v>
      </c>
    </row>
    <row r="61" spans="1:19" ht="18.75">
      <c r="A61" s="322" t="s">
        <v>262</v>
      </c>
      <c r="B61" s="322"/>
      <c r="C61" s="322"/>
      <c r="D61" s="322"/>
      <c r="E61" s="322"/>
      <c r="F61" s="322"/>
      <c r="G61" s="322"/>
      <c r="H61" s="322"/>
      <c r="I61" s="322"/>
      <c r="J61" s="322"/>
      <c r="K61" s="322"/>
      <c r="L61" s="322"/>
    </row>
    <row r="62" spans="1:19" ht="69" customHeight="1">
      <c r="A62" s="369" t="s">
        <v>378</v>
      </c>
      <c r="B62" s="369"/>
      <c r="C62" s="369"/>
      <c r="D62" s="369"/>
      <c r="E62" s="369"/>
      <c r="F62" s="369"/>
      <c r="G62" s="369"/>
      <c r="H62" s="369"/>
      <c r="I62" s="369"/>
      <c r="J62" s="369"/>
      <c r="K62" s="369"/>
      <c r="L62" s="369"/>
    </row>
    <row r="63" spans="1:19" ht="46.5" customHeight="1">
      <c r="A63" s="367" t="s">
        <v>263</v>
      </c>
      <c r="B63" s="368"/>
      <c r="C63" s="368"/>
      <c r="D63" s="368"/>
      <c r="E63" s="368"/>
      <c r="F63" s="368"/>
      <c r="G63" s="368"/>
      <c r="H63" s="368"/>
      <c r="I63" s="368"/>
      <c r="J63" s="368"/>
      <c r="K63" s="368"/>
      <c r="L63" s="368"/>
    </row>
    <row r="64" spans="1:19" ht="72">
      <c r="A64" s="37" t="s">
        <v>85</v>
      </c>
      <c r="B64" s="38" t="s">
        <v>86</v>
      </c>
      <c r="C64" s="39" t="s">
        <v>87</v>
      </c>
      <c r="D64" s="40" t="s">
        <v>88</v>
      </c>
      <c r="E64" s="38" t="s">
        <v>178</v>
      </c>
      <c r="F64" s="89" t="s">
        <v>101</v>
      </c>
      <c r="G64" s="38" t="s">
        <v>179</v>
      </c>
      <c r="H64" s="89" t="s">
        <v>102</v>
      </c>
      <c r="I64" s="38" t="s">
        <v>180</v>
      </c>
      <c r="J64" s="89" t="s">
        <v>103</v>
      </c>
      <c r="K64" s="38" t="s">
        <v>357</v>
      </c>
      <c r="L64" s="89" t="s">
        <v>356</v>
      </c>
    </row>
    <row r="65" spans="1:12" ht="84">
      <c r="A65" s="41"/>
      <c r="B65" s="42" t="s">
        <v>89</v>
      </c>
      <c r="C65" s="128" t="s">
        <v>361</v>
      </c>
      <c r="D65" s="44" t="s">
        <v>91</v>
      </c>
      <c r="E65" s="42" t="s">
        <v>181</v>
      </c>
      <c r="F65" s="91" t="s">
        <v>145</v>
      </c>
      <c r="G65" s="42" t="s">
        <v>182</v>
      </c>
      <c r="H65" s="91" t="s">
        <v>146</v>
      </c>
      <c r="I65" s="42" t="s">
        <v>183</v>
      </c>
      <c r="J65" s="91" t="s">
        <v>147</v>
      </c>
      <c r="K65" s="42" t="s">
        <v>357</v>
      </c>
      <c r="L65" s="91" t="s">
        <v>104</v>
      </c>
    </row>
    <row r="66" spans="1:12">
      <c r="A66" s="45" t="s">
        <v>436</v>
      </c>
      <c r="B66" s="158">
        <v>9321</v>
      </c>
      <c r="C66" s="159">
        <v>3.68</v>
      </c>
      <c r="D66" s="86">
        <v>3.9199999999999999E-2</v>
      </c>
      <c r="E66" s="162">
        <v>0.47899999999999998</v>
      </c>
      <c r="F66" s="94">
        <v>1.034647762536532E-2</v>
      </c>
      <c r="G66" s="162">
        <v>0.156</v>
      </c>
      <c r="H66" s="94">
        <v>7.5180711612020104E-3</v>
      </c>
      <c r="I66" s="162">
        <v>0.33800000000000002</v>
      </c>
      <c r="J66" s="94">
        <v>9.7974885468451196E-3</v>
      </c>
      <c r="K66" s="93">
        <v>2.7E-2</v>
      </c>
      <c r="L66" s="94">
        <v>3.3691804826515991E-3</v>
      </c>
    </row>
    <row r="67" spans="1:12">
      <c r="A67" s="49" t="s">
        <v>437</v>
      </c>
      <c r="B67" s="49">
        <v>8681</v>
      </c>
      <c r="C67" s="161">
        <v>3.67</v>
      </c>
      <c r="D67" s="87">
        <v>3.9199999999999999E-2</v>
      </c>
      <c r="E67" s="163">
        <v>0.47599999999999998</v>
      </c>
      <c r="F67" s="97">
        <v>1.0718022537515422E-2</v>
      </c>
      <c r="G67" s="163">
        <v>0.161</v>
      </c>
      <c r="H67" s="97">
        <v>7.890582556962648E-3</v>
      </c>
      <c r="I67" s="163">
        <v>0.33600000000000002</v>
      </c>
      <c r="J67" s="97">
        <v>1.0137313302674035E-2</v>
      </c>
      <c r="K67" s="96">
        <v>2.5999999999999999E-2</v>
      </c>
      <c r="L67" s="97">
        <v>3.4290847017341246E-3</v>
      </c>
    </row>
    <row r="68" spans="1:12">
      <c r="A68" s="45" t="s">
        <v>438</v>
      </c>
      <c r="B68" s="53">
        <v>835</v>
      </c>
      <c r="C68" s="159">
        <v>3.18</v>
      </c>
      <c r="D68" s="86">
        <v>0.13720000000000002</v>
      </c>
      <c r="E68" s="162">
        <v>0.58130000000000004</v>
      </c>
      <c r="F68" s="94">
        <v>3.4068792791810305E-2</v>
      </c>
      <c r="G68" s="162">
        <v>0.17349999999999999</v>
      </c>
      <c r="H68" s="94">
        <v>2.6239185552017152E-2</v>
      </c>
      <c r="I68" s="162">
        <v>0.22140000000000001</v>
      </c>
      <c r="J68" s="94">
        <v>2.8729171902674194E-2</v>
      </c>
      <c r="K68" s="93">
        <v>2.3900000000000001E-2</v>
      </c>
      <c r="L68" s="94">
        <v>1.1022781537237283E-2</v>
      </c>
    </row>
    <row r="69" spans="1:12">
      <c r="A69" s="49" t="s">
        <v>439</v>
      </c>
      <c r="B69" s="49">
        <v>3513</v>
      </c>
      <c r="C69" s="161">
        <v>3.64</v>
      </c>
      <c r="D69" s="87">
        <v>5.8799999999999998E-2</v>
      </c>
      <c r="E69" s="163">
        <v>0.48799999999999999</v>
      </c>
      <c r="F69" s="97">
        <v>1.685733771785718E-2</v>
      </c>
      <c r="G69" s="163">
        <v>0.153</v>
      </c>
      <c r="H69" s="97">
        <v>1.2153165930435172E-2</v>
      </c>
      <c r="I69" s="163">
        <v>0.33300000000000002</v>
      </c>
      <c r="J69" s="97">
        <v>1.5896108614152159E-2</v>
      </c>
      <c r="K69" s="96">
        <v>2.5999999999999999E-2</v>
      </c>
      <c r="L69" s="97">
        <v>5.420584636647784E-3</v>
      </c>
    </row>
    <row r="70" spans="1:12">
      <c r="A70" s="45" t="s">
        <v>440</v>
      </c>
      <c r="B70" s="53">
        <v>3255</v>
      </c>
      <c r="C70" s="159">
        <v>3.66</v>
      </c>
      <c r="D70" s="86">
        <v>5.8799999999999998E-2</v>
      </c>
      <c r="E70" s="162">
        <v>0.48499999999999999</v>
      </c>
      <c r="F70" s="94">
        <v>1.7509057910172238E-2</v>
      </c>
      <c r="G70" s="162">
        <v>0.152</v>
      </c>
      <c r="H70" s="94">
        <v>1.259236980131003E-2</v>
      </c>
      <c r="I70" s="162">
        <v>0.33700000000000002</v>
      </c>
      <c r="J70" s="94">
        <v>1.6562384691234243E-2</v>
      </c>
      <c r="K70" s="93">
        <v>2.5999999999999999E-2</v>
      </c>
      <c r="L70" s="94">
        <v>5.635462046937656E-3</v>
      </c>
    </row>
    <row r="71" spans="1:12">
      <c r="A71" s="49" t="s">
        <v>455</v>
      </c>
      <c r="B71" s="49">
        <v>552</v>
      </c>
      <c r="C71" s="161">
        <v>3.59</v>
      </c>
      <c r="D71" s="87">
        <v>0.15679999999999999</v>
      </c>
      <c r="E71" s="163">
        <v>0.48199999999999998</v>
      </c>
      <c r="F71" s="97">
        <v>4.2382350499016411E-2</v>
      </c>
      <c r="G71" s="163">
        <v>0.182</v>
      </c>
      <c r="H71" s="97">
        <v>3.2885870628491402E-2</v>
      </c>
      <c r="I71" s="163">
        <v>0.315</v>
      </c>
      <c r="J71" s="97">
        <v>3.9444494710696512E-2</v>
      </c>
      <c r="K71" s="96">
        <v>2.1000000000000001E-2</v>
      </c>
      <c r="L71" s="97">
        <v>1.3098529254311002E-2</v>
      </c>
    </row>
    <row r="72" spans="1:12">
      <c r="A72" s="45" t="s">
        <v>441</v>
      </c>
      <c r="B72" s="53">
        <v>112</v>
      </c>
      <c r="C72" s="159">
        <v>3.56</v>
      </c>
      <c r="D72" s="86">
        <v>0.3528</v>
      </c>
      <c r="E72" s="162">
        <v>0.54200000000000004</v>
      </c>
      <c r="F72" s="94">
        <v>9.2541799999903335E-2</v>
      </c>
      <c r="G72" s="162">
        <v>0.17</v>
      </c>
      <c r="H72" s="94">
        <v>7.1554381567487516E-2</v>
      </c>
      <c r="I72" s="162">
        <v>0.28699999999999998</v>
      </c>
      <c r="J72" s="94">
        <v>8.4630220016145175E-2</v>
      </c>
      <c r="K72" s="93">
        <v>0</v>
      </c>
      <c r="L72" s="94">
        <v>2.4171880321350918E-2</v>
      </c>
    </row>
    <row r="73" spans="1:12">
      <c r="A73" s="49" t="s">
        <v>442</v>
      </c>
      <c r="B73" s="49">
        <v>170</v>
      </c>
      <c r="C73" s="161">
        <v>3.95</v>
      </c>
      <c r="D73" s="87">
        <v>0.29399999999999998</v>
      </c>
      <c r="E73" s="163">
        <v>0.36199999999999999</v>
      </c>
      <c r="F73" s="97">
        <v>7.3001578001779727E-2</v>
      </c>
      <c r="G73" s="163">
        <v>0.22800000000000001</v>
      </c>
      <c r="H73" s="97">
        <v>6.421559677172882E-2</v>
      </c>
      <c r="I73" s="163">
        <v>0.38</v>
      </c>
      <c r="J73" s="97">
        <v>7.3696248126932401E-2</v>
      </c>
      <c r="K73" s="96">
        <v>3.1E-2</v>
      </c>
      <c r="L73" s="97">
        <v>3.0337528948859247E-2</v>
      </c>
    </row>
    <row r="74" spans="1:12">
      <c r="A74" s="45" t="s">
        <v>443</v>
      </c>
      <c r="B74" s="53">
        <v>133</v>
      </c>
      <c r="C74" s="159">
        <v>3.67</v>
      </c>
      <c r="D74" s="86">
        <v>0.3332</v>
      </c>
      <c r="E74" s="162">
        <v>0.52</v>
      </c>
      <c r="F74" s="94">
        <v>8.5371325751834412E-2</v>
      </c>
      <c r="G74" s="162">
        <v>0.1</v>
      </c>
      <c r="H74" s="94">
        <v>5.3819560814288299E-2</v>
      </c>
      <c r="I74" s="162">
        <v>0.36099999999999999</v>
      </c>
      <c r="J74" s="94">
        <v>8.2265506250443404E-2</v>
      </c>
      <c r="K74" s="93">
        <v>1.7999999999999999E-2</v>
      </c>
      <c r="L74" s="94">
        <v>3.0106533878683006E-2</v>
      </c>
    </row>
    <row r="75" spans="1:12">
      <c r="A75" s="49" t="s">
        <v>444</v>
      </c>
      <c r="B75" s="49">
        <v>137</v>
      </c>
      <c r="C75" s="161">
        <v>3.18</v>
      </c>
      <c r="D75" s="87">
        <v>0.3332</v>
      </c>
      <c r="E75" s="163">
        <v>0.55300000000000005</v>
      </c>
      <c r="F75" s="97">
        <v>8.3767343327239438E-2</v>
      </c>
      <c r="G75" s="163">
        <v>0.193</v>
      </c>
      <c r="H75" s="97">
        <v>6.7587109115931257E-2</v>
      </c>
      <c r="I75" s="163">
        <v>0.23100000000000001</v>
      </c>
      <c r="J75" s="97">
        <v>7.1792916016417255E-2</v>
      </c>
      <c r="K75" s="96">
        <v>2.3E-2</v>
      </c>
      <c r="L75" s="97">
        <v>3.1599144475277077E-2</v>
      </c>
    </row>
    <row r="76" spans="1:12">
      <c r="A76" s="45" t="s">
        <v>456</v>
      </c>
      <c r="B76" s="158">
        <v>508</v>
      </c>
      <c r="C76" s="159">
        <v>3.74</v>
      </c>
      <c r="D76" s="86">
        <v>0.1764</v>
      </c>
      <c r="E76" s="162">
        <v>0.44600000000000001</v>
      </c>
      <c r="F76" s="94">
        <v>4.3939712295076497E-2</v>
      </c>
      <c r="G76" s="162">
        <v>0.157</v>
      </c>
      <c r="H76" s="94">
        <v>3.2377423280435504E-2</v>
      </c>
      <c r="I76" s="162">
        <v>0.35499999999999998</v>
      </c>
      <c r="J76" s="94">
        <v>4.2325213411382359E-2</v>
      </c>
      <c r="K76" s="93">
        <v>4.2000000000000003E-2</v>
      </c>
      <c r="L76" s="94">
        <v>1.8435012442675397E-2</v>
      </c>
    </row>
    <row r="77" spans="1:12" ht="25.5">
      <c r="A77" s="49" t="s">
        <v>445</v>
      </c>
      <c r="B77" s="160">
        <v>171</v>
      </c>
      <c r="C77" s="161">
        <v>3.95</v>
      </c>
      <c r="D77" s="87">
        <v>0.27440000000000003</v>
      </c>
      <c r="E77" s="163">
        <v>0.372</v>
      </c>
      <c r="F77" s="97">
        <v>7.3189604734639924E-2</v>
      </c>
      <c r="G77" s="163">
        <v>0.222</v>
      </c>
      <c r="H77" s="97">
        <v>6.3463574418303317E-2</v>
      </c>
      <c r="I77" s="163">
        <v>0.35599999999999998</v>
      </c>
      <c r="J77" s="97">
        <v>7.2537847922156076E-2</v>
      </c>
      <c r="K77" s="96">
        <v>0.05</v>
      </c>
      <c r="L77" s="97">
        <v>3.5984551268970336E-2</v>
      </c>
    </row>
    <row r="78" spans="1:12">
      <c r="A78" s="45" t="s">
        <v>446</v>
      </c>
      <c r="B78" s="83">
        <v>113</v>
      </c>
      <c r="C78" s="159">
        <v>3.73</v>
      </c>
      <c r="D78" s="86">
        <v>0.3528</v>
      </c>
      <c r="E78" s="162">
        <v>0.42199999999999999</v>
      </c>
      <c r="F78" s="94">
        <v>9.1394680667536587E-2</v>
      </c>
      <c r="G78" s="162">
        <v>0.11899999999999999</v>
      </c>
      <c r="H78" s="94">
        <v>6.2592119090338613E-2</v>
      </c>
      <c r="I78" s="162">
        <v>0.39200000000000002</v>
      </c>
      <c r="J78" s="94">
        <v>9.04159250259918E-2</v>
      </c>
      <c r="K78" s="93">
        <v>6.6000000000000003E-2</v>
      </c>
      <c r="L78" s="94">
        <v>5.0401088089724974E-2</v>
      </c>
    </row>
    <row r="79" spans="1:12">
      <c r="A79" s="49" t="s">
        <v>447</v>
      </c>
      <c r="B79" s="160">
        <v>93</v>
      </c>
      <c r="C79" s="161">
        <v>3.37</v>
      </c>
      <c r="D79" s="87">
        <v>0.39200000000000002</v>
      </c>
      <c r="E79" s="163">
        <v>0.56699999999999995</v>
      </c>
      <c r="F79" s="97">
        <v>0.10069318372118376</v>
      </c>
      <c r="G79" s="163">
        <v>0.13500000000000001</v>
      </c>
      <c r="H79" s="97">
        <v>7.2520478392493634E-2</v>
      </c>
      <c r="I79" s="163">
        <v>0.27900000000000003</v>
      </c>
      <c r="J79" s="97">
        <v>9.1966840643272735E-2</v>
      </c>
      <c r="K79" s="96">
        <v>1.9E-2</v>
      </c>
      <c r="L79" s="97">
        <v>3.9233317588252124E-2</v>
      </c>
    </row>
    <row r="80" spans="1:12" ht="25.5">
      <c r="A80" s="57" t="s">
        <v>448</v>
      </c>
      <c r="B80" s="158">
        <v>131</v>
      </c>
      <c r="C80" s="159">
        <v>3.86</v>
      </c>
      <c r="D80" s="86">
        <v>0.3332</v>
      </c>
      <c r="E80" s="162">
        <v>0.46200000000000002</v>
      </c>
      <c r="F80" s="94">
        <v>8.5831929250423877E-2</v>
      </c>
      <c r="G80" s="162">
        <v>0.127</v>
      </c>
      <c r="H80" s="94">
        <v>5.9377895388803899E-2</v>
      </c>
      <c r="I80" s="162">
        <v>0.39400000000000002</v>
      </c>
      <c r="J80" s="94">
        <v>8.4225442234189457E-2</v>
      </c>
      <c r="K80" s="93">
        <v>1.7999999999999999E-2</v>
      </c>
      <c r="L80" s="94">
        <v>3.0423863652581692E-2</v>
      </c>
    </row>
    <row r="81" spans="1:26">
      <c r="A81" s="49" t="s">
        <v>457</v>
      </c>
      <c r="B81" s="160">
        <v>732</v>
      </c>
      <c r="C81" s="161">
        <v>3.68</v>
      </c>
      <c r="D81" s="87">
        <v>0.13720000000000002</v>
      </c>
      <c r="E81" s="163">
        <v>0.48499999999999999</v>
      </c>
      <c r="F81" s="97">
        <v>3.6844077971315996E-2</v>
      </c>
      <c r="G81" s="163">
        <v>0.13800000000000001</v>
      </c>
      <c r="H81" s="97">
        <v>2.5577729005213674E-2</v>
      </c>
      <c r="I81" s="163">
        <v>0.35299999999999998</v>
      </c>
      <c r="J81" s="97">
        <v>3.5249517586332914E-2</v>
      </c>
      <c r="K81" s="96">
        <v>2.4E-2</v>
      </c>
      <c r="L81" s="97">
        <v>1.1859707605240319E-2</v>
      </c>
    </row>
    <row r="82" spans="1:26">
      <c r="A82" s="57" t="s">
        <v>449</v>
      </c>
      <c r="B82" s="158">
        <v>131</v>
      </c>
      <c r="C82" s="159">
        <v>3.6</v>
      </c>
      <c r="D82" s="86">
        <v>0.3528</v>
      </c>
      <c r="E82" s="162">
        <v>0.55900000000000005</v>
      </c>
      <c r="F82" s="94">
        <v>8.5500223167919026E-2</v>
      </c>
      <c r="G82" s="162">
        <v>8.6999999999999994E-2</v>
      </c>
      <c r="H82" s="94">
        <v>5.1464204753191543E-2</v>
      </c>
      <c r="I82" s="162">
        <v>0.33700000000000002</v>
      </c>
      <c r="J82" s="94">
        <v>8.1646416344099693E-2</v>
      </c>
      <c r="K82" s="93">
        <v>1.7000000000000001E-2</v>
      </c>
      <c r="L82" s="94">
        <v>2.9978128042809391E-2</v>
      </c>
    </row>
    <row r="83" spans="1:26">
      <c r="A83" s="49" t="s">
        <v>450</v>
      </c>
      <c r="B83" s="160">
        <v>107</v>
      </c>
      <c r="C83" s="161">
        <v>3.22</v>
      </c>
      <c r="D83" s="87">
        <v>0.39200000000000002</v>
      </c>
      <c r="E83" s="163">
        <v>0.56200000000000006</v>
      </c>
      <c r="F83" s="97">
        <v>9.4235291727327253E-2</v>
      </c>
      <c r="G83" s="163">
        <v>0.121</v>
      </c>
      <c r="H83" s="97">
        <v>6.480044847242504E-2</v>
      </c>
      <c r="I83" s="163">
        <v>0.26600000000000001</v>
      </c>
      <c r="J83" s="97">
        <v>8.4708141745037283E-2</v>
      </c>
      <c r="K83" s="96">
        <v>5.0999999999999997E-2</v>
      </c>
      <c r="L83" s="97">
        <v>4.752126259854586E-2</v>
      </c>
    </row>
    <row r="84" spans="1:26" ht="25.5">
      <c r="A84" s="57" t="s">
        <v>451</v>
      </c>
      <c r="B84" s="158">
        <v>188</v>
      </c>
      <c r="C84" s="159">
        <v>3.64</v>
      </c>
      <c r="D84" s="86">
        <v>0.27440000000000003</v>
      </c>
      <c r="E84" s="162">
        <v>0.48799999999999999</v>
      </c>
      <c r="F84" s="94">
        <v>7.2148853291303244E-2</v>
      </c>
      <c r="G84" s="162">
        <v>0.14199999999999999</v>
      </c>
      <c r="H84" s="94">
        <v>5.1462069350994566E-2</v>
      </c>
      <c r="I84" s="162">
        <v>0.36</v>
      </c>
      <c r="J84" s="94">
        <v>6.9403434071230438E-2</v>
      </c>
      <c r="K84" s="93">
        <v>8.9999999999999993E-3</v>
      </c>
      <c r="L84" s="94">
        <v>1.9821813434515893E-2</v>
      </c>
    </row>
    <row r="85" spans="1:26">
      <c r="A85" s="49" t="s">
        <v>452</v>
      </c>
      <c r="B85" s="160">
        <v>82</v>
      </c>
      <c r="C85" s="161">
        <v>3.92</v>
      </c>
      <c r="D85" s="87">
        <v>0.43119999999999997</v>
      </c>
      <c r="E85" s="163">
        <v>0.49299999999999999</v>
      </c>
      <c r="F85" s="97">
        <v>0.10782316533604108</v>
      </c>
      <c r="G85" s="163">
        <v>0.13300000000000001</v>
      </c>
      <c r="H85" s="97">
        <v>7.7022748781457151E-2</v>
      </c>
      <c r="I85" s="163">
        <v>0.35199999999999998</v>
      </c>
      <c r="J85" s="97">
        <v>0.10344894163171074</v>
      </c>
      <c r="K85" s="96">
        <v>2.1999999999999999E-2</v>
      </c>
      <c r="L85" s="97">
        <v>4.4343290276620546E-2</v>
      </c>
    </row>
    <row r="86" spans="1:26">
      <c r="A86" s="57" t="s">
        <v>453</v>
      </c>
      <c r="B86" s="158">
        <v>93</v>
      </c>
      <c r="C86" s="159">
        <v>3.56</v>
      </c>
      <c r="D86" s="86">
        <v>0.3528</v>
      </c>
      <c r="E86" s="162">
        <v>0.48699999999999999</v>
      </c>
      <c r="F86" s="94">
        <v>0.10150306496005418</v>
      </c>
      <c r="G86" s="162">
        <v>0.219</v>
      </c>
      <c r="H86" s="94">
        <v>8.5534577147682048E-2</v>
      </c>
      <c r="I86" s="162">
        <v>0.28000000000000003</v>
      </c>
      <c r="J86" s="94">
        <v>9.2057679901707615E-2</v>
      </c>
      <c r="K86" s="93">
        <v>1.4E-2</v>
      </c>
      <c r="L86" s="94">
        <v>3.6823586843324818E-2</v>
      </c>
    </row>
    <row r="87" spans="1:26">
      <c r="A87" s="49" t="s">
        <v>454</v>
      </c>
      <c r="B87" s="160">
        <v>131</v>
      </c>
      <c r="C87" s="161">
        <v>4.1399999999999997</v>
      </c>
      <c r="D87" s="87">
        <v>0.3332</v>
      </c>
      <c r="E87" s="163">
        <v>0.375</v>
      </c>
      <c r="F87" s="97">
        <v>8.3495346245085408E-2</v>
      </c>
      <c r="G87" s="163">
        <v>0.12</v>
      </c>
      <c r="H87" s="97">
        <v>5.8126367094835284E-2</v>
      </c>
      <c r="I87" s="163">
        <v>0.47199999999999998</v>
      </c>
      <c r="J87" s="97">
        <v>8.5939129357838595E-2</v>
      </c>
      <c r="K87" s="96">
        <v>3.2000000000000001E-2</v>
      </c>
      <c r="L87" s="97">
        <v>3.6009429034960669E-2</v>
      </c>
    </row>
    <row r="90" spans="1:26" ht="18.75">
      <c r="A90" s="322" t="s">
        <v>44</v>
      </c>
      <c r="B90" s="322"/>
      <c r="C90" s="322"/>
      <c r="D90" s="322"/>
      <c r="E90" s="322"/>
      <c r="F90" s="322"/>
      <c r="G90" s="322"/>
      <c r="H90" s="322"/>
      <c r="I90" s="322"/>
      <c r="J90" s="322"/>
      <c r="K90" s="322"/>
      <c r="L90" s="322"/>
    </row>
    <row r="91" spans="1:26" ht="80.25" customHeight="1">
      <c r="A91" s="382" t="s">
        <v>379</v>
      </c>
      <c r="B91" s="382"/>
      <c r="C91" s="382"/>
      <c r="D91" s="382"/>
      <c r="E91" s="382"/>
      <c r="F91" s="382"/>
      <c r="G91" s="382"/>
      <c r="H91" s="382"/>
      <c r="I91" s="382"/>
      <c r="J91" s="382"/>
      <c r="K91" s="382"/>
      <c r="L91" s="382"/>
    </row>
    <row r="92" spans="1:26" ht="50.25" customHeight="1">
      <c r="A92" s="367" t="s">
        <v>317</v>
      </c>
      <c r="B92" s="368"/>
      <c r="C92" s="368"/>
      <c r="D92" s="368"/>
      <c r="E92" s="368"/>
      <c r="F92" s="368"/>
      <c r="G92" s="368"/>
      <c r="H92" s="368"/>
      <c r="I92" s="368"/>
      <c r="J92" s="368"/>
      <c r="K92" s="368"/>
      <c r="L92" s="368"/>
      <c r="N92" s="249"/>
      <c r="O92" s="249"/>
      <c r="P92" s="249"/>
      <c r="Q92" s="249"/>
      <c r="R92" s="249"/>
      <c r="S92" s="249"/>
      <c r="T92" s="249"/>
      <c r="U92" s="249"/>
      <c r="V92" s="249"/>
      <c r="W92" s="249"/>
      <c r="X92" s="249"/>
    </row>
    <row r="93" spans="1:26" ht="38.25" customHeight="1">
      <c r="A93" s="37" t="s">
        <v>85</v>
      </c>
      <c r="B93" s="38" t="s">
        <v>86</v>
      </c>
      <c r="C93" s="39" t="s">
        <v>87</v>
      </c>
      <c r="D93" s="40" t="s">
        <v>88</v>
      </c>
      <c r="E93" s="38" t="s">
        <v>427</v>
      </c>
      <c r="F93" s="40" t="s">
        <v>428</v>
      </c>
      <c r="G93" s="38" t="s">
        <v>423</v>
      </c>
      <c r="H93" s="40" t="s">
        <v>425</v>
      </c>
      <c r="I93" s="38" t="s">
        <v>429</v>
      </c>
      <c r="J93" s="40" t="s">
        <v>430</v>
      </c>
      <c r="K93" s="38" t="s">
        <v>357</v>
      </c>
      <c r="L93" s="89" t="s">
        <v>371</v>
      </c>
      <c r="P93" s="249"/>
      <c r="Q93" s="249"/>
      <c r="R93" s="249"/>
      <c r="S93" s="249"/>
      <c r="T93" s="249"/>
      <c r="U93" s="249"/>
      <c r="V93" s="249"/>
      <c r="W93" s="249"/>
      <c r="X93" s="249"/>
      <c r="Y93" s="249"/>
      <c r="Z93" s="249"/>
    </row>
    <row r="94" spans="1:26" ht="72">
      <c r="A94" s="41"/>
      <c r="B94" s="42" t="s">
        <v>89</v>
      </c>
      <c r="C94" s="128" t="s">
        <v>359</v>
      </c>
      <c r="D94" s="44" t="s">
        <v>91</v>
      </c>
      <c r="E94" s="42" t="s">
        <v>422</v>
      </c>
      <c r="F94" s="44" t="s">
        <v>104</v>
      </c>
      <c r="G94" s="42" t="s">
        <v>424</v>
      </c>
      <c r="H94" s="44" t="s">
        <v>104</v>
      </c>
      <c r="I94" s="42" t="s">
        <v>181</v>
      </c>
      <c r="J94" s="44" t="s">
        <v>104</v>
      </c>
      <c r="K94" s="42" t="s">
        <v>357</v>
      </c>
      <c r="L94" s="91" t="s">
        <v>104</v>
      </c>
      <c r="P94" s="254"/>
      <c r="Q94" s="254"/>
      <c r="R94" s="254"/>
      <c r="S94" s="254"/>
      <c r="T94" s="254"/>
      <c r="U94" s="254"/>
      <c r="V94" s="254"/>
      <c r="W94" s="249"/>
      <c r="X94" s="249"/>
      <c r="Y94" s="249"/>
      <c r="Z94" s="249"/>
    </row>
    <row r="95" spans="1:26">
      <c r="A95" s="45" t="s">
        <v>436</v>
      </c>
      <c r="B95" s="164">
        <v>10767</v>
      </c>
      <c r="C95" s="159">
        <v>4.12</v>
      </c>
      <c r="D95" s="86">
        <v>3.9199999999999999E-2</v>
      </c>
      <c r="E95" s="167">
        <v>0.16</v>
      </c>
      <c r="F95" s="94">
        <v>7.0670842622171217E-3</v>
      </c>
      <c r="G95" s="166">
        <v>0.41200000000000003</v>
      </c>
      <c r="H95" s="94">
        <v>9.4851544785253435E-3</v>
      </c>
      <c r="I95" s="166">
        <v>0.27700000000000002</v>
      </c>
      <c r="J95" s="94">
        <v>8.6248401091277519E-3</v>
      </c>
      <c r="K95" s="93">
        <v>0.151</v>
      </c>
      <c r="L95" s="94">
        <v>6.9023575547351628E-3</v>
      </c>
    </row>
    <row r="96" spans="1:26">
      <c r="A96" s="49" t="s">
        <v>437</v>
      </c>
      <c r="B96" s="165">
        <v>8855</v>
      </c>
      <c r="C96" s="161">
        <v>4.12</v>
      </c>
      <c r="D96" s="87">
        <v>3.9199999999999999E-2</v>
      </c>
      <c r="E96" s="169">
        <v>0.14699999999999999</v>
      </c>
      <c r="F96" s="97">
        <v>7.5277565493569645E-3</v>
      </c>
      <c r="G96" s="168">
        <v>0.39500000000000002</v>
      </c>
      <c r="H96" s="97">
        <v>1.0387784331419975E-2</v>
      </c>
      <c r="I96" s="168">
        <v>0.26300000000000001</v>
      </c>
      <c r="J96" s="97">
        <v>9.3563415436554651E-3</v>
      </c>
      <c r="K96" s="96">
        <v>0.19500000000000001</v>
      </c>
      <c r="L96" s="97">
        <v>8.4211041658892351E-3</v>
      </c>
    </row>
    <row r="97" spans="1:12">
      <c r="A97" s="45" t="s">
        <v>438</v>
      </c>
      <c r="B97" s="164">
        <v>1801</v>
      </c>
      <c r="C97" s="159">
        <v>3.95</v>
      </c>
      <c r="D97" s="86">
        <v>7.8399999999999997E-2</v>
      </c>
      <c r="E97" s="167">
        <v>0.15820000000000001</v>
      </c>
      <c r="F97" s="94">
        <v>1.7212375894735885E-2</v>
      </c>
      <c r="G97" s="166">
        <v>0.42830000000000001</v>
      </c>
      <c r="H97" s="94">
        <v>2.3295375160059667E-2</v>
      </c>
      <c r="I97" s="166">
        <v>0.33699999999999997</v>
      </c>
      <c r="J97" s="94">
        <v>2.2257551956224617E-2</v>
      </c>
      <c r="K97" s="93">
        <v>7.6499999999999999E-2</v>
      </c>
      <c r="L97" s="94">
        <v>1.2582517196983715E-2</v>
      </c>
    </row>
    <row r="98" spans="1:12">
      <c r="A98" s="49" t="s">
        <v>439</v>
      </c>
      <c r="B98" s="165">
        <v>3850</v>
      </c>
      <c r="C98" s="161">
        <v>4.04</v>
      </c>
      <c r="D98" s="87">
        <v>5.8799999999999998E-2</v>
      </c>
      <c r="E98" s="169">
        <v>0.15</v>
      </c>
      <c r="F98" s="97">
        <v>1.1514939160968247E-2</v>
      </c>
      <c r="G98" s="168">
        <v>0.375</v>
      </c>
      <c r="H98" s="97">
        <v>1.5597673139697036E-2</v>
      </c>
      <c r="I98" s="168">
        <v>0.28500000000000003</v>
      </c>
      <c r="J98" s="97">
        <v>1.4546273977401764E-2</v>
      </c>
      <c r="K98" s="96">
        <v>0.19</v>
      </c>
      <c r="L98" s="97">
        <v>1.2646623304108628E-2</v>
      </c>
    </row>
    <row r="99" spans="1:12">
      <c r="A99" s="45" t="s">
        <v>440</v>
      </c>
      <c r="B99" s="164">
        <v>3277</v>
      </c>
      <c r="C99" s="159">
        <v>4.09</v>
      </c>
      <c r="D99" s="86">
        <v>5.8799999999999998E-2</v>
      </c>
      <c r="E99" s="167">
        <v>0.14499999999999999</v>
      </c>
      <c r="F99" s="94">
        <v>1.2309237940710644E-2</v>
      </c>
      <c r="G99" s="166">
        <v>0.35799999999999998</v>
      </c>
      <c r="H99" s="94">
        <v>1.6741035823301376E-2</v>
      </c>
      <c r="I99" s="166">
        <v>0.26200000000000001</v>
      </c>
      <c r="J99" s="94">
        <v>1.5358919538389436E-2</v>
      </c>
      <c r="K99" s="93">
        <v>0.23400000000000001</v>
      </c>
      <c r="L99" s="94">
        <v>1.4789652545877262E-2</v>
      </c>
    </row>
    <row r="100" spans="1:12">
      <c r="A100" s="49" t="s">
        <v>455</v>
      </c>
      <c r="B100" s="165">
        <v>571</v>
      </c>
      <c r="C100" s="161">
        <v>3.84</v>
      </c>
      <c r="D100" s="87">
        <v>0.13720000000000002</v>
      </c>
      <c r="E100" s="169">
        <v>0.122</v>
      </c>
      <c r="F100" s="97">
        <v>2.7548791396655756E-2</v>
      </c>
      <c r="G100" s="168">
        <v>0.32</v>
      </c>
      <c r="H100" s="97">
        <v>3.8946939572276011E-2</v>
      </c>
      <c r="I100" s="168">
        <v>0.32599999999999996</v>
      </c>
      <c r="J100" s="97">
        <v>3.9133552036204555E-2</v>
      </c>
      <c r="K100" s="96">
        <v>0.23300000000000001</v>
      </c>
      <c r="L100" s="97">
        <v>3.5356509473012603E-2</v>
      </c>
    </row>
    <row r="101" spans="1:12">
      <c r="A101" s="45" t="s">
        <v>441</v>
      </c>
      <c r="B101" s="164">
        <v>117</v>
      </c>
      <c r="C101" s="159">
        <v>3.83</v>
      </c>
      <c r="D101" s="86">
        <v>0.37240000000000001</v>
      </c>
      <c r="E101" s="167">
        <v>0.16700000000000001</v>
      </c>
      <c r="F101" s="94">
        <v>6.9549036686295501E-2</v>
      </c>
      <c r="G101" s="166">
        <v>0.23300000000000001</v>
      </c>
      <c r="H101" s="94">
        <v>7.7852672084823479E-2</v>
      </c>
      <c r="I101" s="166">
        <v>0.29600000000000004</v>
      </c>
      <c r="J101" s="94">
        <v>8.3535510777044436E-2</v>
      </c>
      <c r="K101" s="93">
        <v>0.30399999999999999</v>
      </c>
      <c r="L101" s="94">
        <v>8.4125431536644049E-2</v>
      </c>
    </row>
    <row r="102" spans="1:12">
      <c r="A102" s="49" t="s">
        <v>442</v>
      </c>
      <c r="B102" s="165">
        <v>171</v>
      </c>
      <c r="C102" s="161">
        <v>3.88</v>
      </c>
      <c r="D102" s="87">
        <v>0.23519999999999999</v>
      </c>
      <c r="E102" s="169">
        <v>0.11700000000000001</v>
      </c>
      <c r="F102" s="97">
        <v>5.0129009642555684E-2</v>
      </c>
      <c r="G102" s="168">
        <v>0.35499999999999998</v>
      </c>
      <c r="H102" s="97">
        <v>7.2494359720281995E-2</v>
      </c>
      <c r="I102" s="168">
        <v>0.32899999999999996</v>
      </c>
      <c r="J102" s="97">
        <v>7.1246927472271154E-2</v>
      </c>
      <c r="K102" s="96">
        <v>0.19900000000000001</v>
      </c>
      <c r="L102" s="97">
        <v>6.1130946215013367E-2</v>
      </c>
    </row>
    <row r="103" spans="1:12">
      <c r="A103" s="45" t="s">
        <v>443</v>
      </c>
      <c r="B103" s="164">
        <v>134</v>
      </c>
      <c r="C103" s="159">
        <v>3.99</v>
      </c>
      <c r="D103" s="86">
        <v>0.27440000000000003</v>
      </c>
      <c r="E103" s="167">
        <v>0.14899999999999999</v>
      </c>
      <c r="F103" s="94">
        <v>6.2284429033244416E-2</v>
      </c>
      <c r="G103" s="166">
        <v>0.25900000000000001</v>
      </c>
      <c r="H103" s="94">
        <v>7.5226656002842396E-2</v>
      </c>
      <c r="I103" s="166">
        <v>0.32999999999999996</v>
      </c>
      <c r="J103" s="94">
        <v>8.0352679438297131E-2</v>
      </c>
      <c r="K103" s="93">
        <v>0.26300000000000001</v>
      </c>
      <c r="L103" s="94">
        <v>7.5573168880819816E-2</v>
      </c>
    </row>
    <row r="104" spans="1:12">
      <c r="A104" s="49" t="s">
        <v>444</v>
      </c>
      <c r="B104" s="165">
        <v>149</v>
      </c>
      <c r="C104" s="161">
        <v>3.72</v>
      </c>
      <c r="D104" s="87">
        <v>0.31359999999999999</v>
      </c>
      <c r="E104" s="169">
        <v>8.5000000000000006E-2</v>
      </c>
      <c r="F104" s="97">
        <v>4.7599229232394888E-2</v>
      </c>
      <c r="G104" s="168">
        <v>0.36899999999999999</v>
      </c>
      <c r="H104" s="97">
        <v>7.8169344857132977E-2</v>
      </c>
      <c r="I104" s="168">
        <v>0.33699999999999997</v>
      </c>
      <c r="J104" s="97">
        <v>7.6662756746867206E-2</v>
      </c>
      <c r="K104" s="96">
        <v>0.21</v>
      </c>
      <c r="L104" s="97">
        <v>6.6713689976050206E-2</v>
      </c>
    </row>
    <row r="105" spans="1:12">
      <c r="A105" s="45" t="s">
        <v>456</v>
      </c>
      <c r="B105" s="164">
        <v>522</v>
      </c>
      <c r="C105" s="159">
        <v>4</v>
      </c>
      <c r="D105" s="86">
        <v>0.13720000000000002</v>
      </c>
      <c r="E105" s="167">
        <v>0.151</v>
      </c>
      <c r="F105" s="94">
        <v>3.1447275328712491E-2</v>
      </c>
      <c r="G105" s="166">
        <v>0.32500000000000001</v>
      </c>
      <c r="H105" s="94">
        <v>4.0887400649669642E-2</v>
      </c>
      <c r="I105" s="166">
        <v>0.308</v>
      </c>
      <c r="J105" s="94">
        <v>4.0311952522714981E-2</v>
      </c>
      <c r="K105" s="93">
        <v>0.216</v>
      </c>
      <c r="L105" s="94">
        <v>3.6014999298012232E-2</v>
      </c>
    </row>
    <row r="106" spans="1:12" ht="25.5">
      <c r="A106" s="49" t="s">
        <v>445</v>
      </c>
      <c r="B106" s="165">
        <v>172</v>
      </c>
      <c r="C106" s="161">
        <v>4.1900000000000004</v>
      </c>
      <c r="D106" s="87">
        <v>0.27440000000000003</v>
      </c>
      <c r="E106" s="169">
        <v>0.17199999999999999</v>
      </c>
      <c r="F106" s="97">
        <v>5.7849847090677128E-2</v>
      </c>
      <c r="G106" s="168">
        <v>0.39500000000000002</v>
      </c>
      <c r="H106" s="97">
        <v>7.3773369430277264E-2</v>
      </c>
      <c r="I106" s="168">
        <v>0.24399999999999999</v>
      </c>
      <c r="J106" s="97">
        <v>6.5263288067230849E-2</v>
      </c>
      <c r="K106" s="96">
        <v>0.19</v>
      </c>
      <c r="L106" s="97">
        <v>5.9965623369566304E-2</v>
      </c>
    </row>
    <row r="107" spans="1:12">
      <c r="A107" s="45" t="s">
        <v>446</v>
      </c>
      <c r="B107" s="164">
        <v>120</v>
      </c>
      <c r="C107" s="159">
        <v>4.0199999999999996</v>
      </c>
      <c r="D107" s="86">
        <v>0.27440000000000003</v>
      </c>
      <c r="E107" s="167">
        <v>0.17299999999999999</v>
      </c>
      <c r="F107" s="94">
        <v>6.9527988490815207E-2</v>
      </c>
      <c r="G107" s="166">
        <v>0.32300000000000001</v>
      </c>
      <c r="H107" s="94">
        <v>8.4368551202106901E-2</v>
      </c>
      <c r="I107" s="166">
        <v>0.307</v>
      </c>
      <c r="J107" s="94">
        <v>8.3301899568696589E-2</v>
      </c>
      <c r="K107" s="93">
        <v>0.19700000000000001</v>
      </c>
      <c r="L107" s="94">
        <v>7.2738734064126065E-2</v>
      </c>
    </row>
    <row r="108" spans="1:12">
      <c r="A108" s="49" t="s">
        <v>447</v>
      </c>
      <c r="B108" s="165">
        <v>96</v>
      </c>
      <c r="C108" s="161">
        <v>4.05</v>
      </c>
      <c r="D108" s="87">
        <v>0.3332</v>
      </c>
      <c r="E108" s="169">
        <v>0.14799999999999999</v>
      </c>
      <c r="F108" s="97">
        <v>7.3704836639124291E-2</v>
      </c>
      <c r="G108" s="168">
        <v>0.252</v>
      </c>
      <c r="H108" s="97">
        <v>8.7935866084323064E-2</v>
      </c>
      <c r="I108" s="168">
        <v>0.34799999999999998</v>
      </c>
      <c r="J108" s="97">
        <v>9.5646715280766445E-2</v>
      </c>
      <c r="K108" s="96">
        <v>0.252</v>
      </c>
      <c r="L108" s="97">
        <v>8.7935866084323064E-2</v>
      </c>
    </row>
    <row r="109" spans="1:12" ht="25.5">
      <c r="A109" s="57" t="s">
        <v>448</v>
      </c>
      <c r="B109" s="164">
        <v>134</v>
      </c>
      <c r="C109" s="159">
        <v>3.56</v>
      </c>
      <c r="D109" s="86">
        <v>0.29399999999999998</v>
      </c>
      <c r="E109" s="167">
        <v>8.1000000000000003E-2</v>
      </c>
      <c r="F109" s="94">
        <v>4.948106064569803E-2</v>
      </c>
      <c r="G109" s="166">
        <v>0.29799999999999999</v>
      </c>
      <c r="H109" s="94">
        <v>7.8302121577455475E-2</v>
      </c>
      <c r="I109" s="166">
        <v>0.372</v>
      </c>
      <c r="J109" s="94">
        <v>8.2453681670653076E-2</v>
      </c>
      <c r="K109" s="93">
        <v>0.247</v>
      </c>
      <c r="L109" s="94">
        <v>7.4142027606809838E-2</v>
      </c>
    </row>
    <row r="110" spans="1:12">
      <c r="A110" s="49" t="s">
        <v>457</v>
      </c>
      <c r="B110" s="165">
        <v>743</v>
      </c>
      <c r="C110" s="161">
        <v>4.1900000000000004</v>
      </c>
      <c r="D110" s="87">
        <v>0.1176</v>
      </c>
      <c r="E110" s="169">
        <v>0.157</v>
      </c>
      <c r="F110" s="97">
        <v>2.6747627013625916E-2</v>
      </c>
      <c r="G110" s="168">
        <v>0.35499999999999998</v>
      </c>
      <c r="H110" s="97">
        <v>3.5032940282500119E-2</v>
      </c>
      <c r="I110" s="168">
        <v>0.23699999999999999</v>
      </c>
      <c r="J110" s="97">
        <v>3.1181103536974411E-2</v>
      </c>
      <c r="K110" s="96">
        <v>0.252</v>
      </c>
      <c r="L110" s="97">
        <v>3.1825571614074254E-2</v>
      </c>
    </row>
    <row r="111" spans="1:12">
      <c r="A111" s="57" t="s">
        <v>449</v>
      </c>
      <c r="B111" s="164">
        <v>133</v>
      </c>
      <c r="C111" s="159">
        <v>4.26</v>
      </c>
      <c r="D111" s="86">
        <v>0.27440000000000003</v>
      </c>
      <c r="E111" s="167">
        <v>0.186</v>
      </c>
      <c r="F111" s="94">
        <v>6.7721495056457456E-2</v>
      </c>
      <c r="G111" s="166">
        <v>0.29300000000000004</v>
      </c>
      <c r="H111" s="94">
        <v>7.8231661207098124E-2</v>
      </c>
      <c r="I111" s="166">
        <v>0.253</v>
      </c>
      <c r="J111" s="94">
        <v>7.4969884178689217E-2</v>
      </c>
      <c r="K111" s="93">
        <v>0.26900000000000002</v>
      </c>
      <c r="L111" s="94">
        <v>7.6360551243562391E-2</v>
      </c>
    </row>
    <row r="112" spans="1:12">
      <c r="A112" s="49" t="s">
        <v>450</v>
      </c>
      <c r="B112" s="165">
        <v>107</v>
      </c>
      <c r="C112" s="161">
        <v>4.07</v>
      </c>
      <c r="D112" s="87">
        <v>0.29399999999999998</v>
      </c>
      <c r="E112" s="169">
        <v>0.13700000000000001</v>
      </c>
      <c r="F112" s="97">
        <v>6.7798522448651949E-2</v>
      </c>
      <c r="G112" s="168">
        <v>0.32300000000000001</v>
      </c>
      <c r="H112" s="97">
        <v>8.9218481145137959E-2</v>
      </c>
      <c r="I112" s="168">
        <v>0.246</v>
      </c>
      <c r="J112" s="97">
        <v>8.2756567271946926E-2</v>
      </c>
      <c r="K112" s="96">
        <v>0.29399999999999998</v>
      </c>
      <c r="L112" s="97">
        <v>8.7109197957697934E-2</v>
      </c>
    </row>
    <row r="113" spans="1:23" ht="25.5">
      <c r="A113" s="57" t="s">
        <v>451</v>
      </c>
      <c r="B113" s="164">
        <v>188</v>
      </c>
      <c r="C113" s="159">
        <v>3.8</v>
      </c>
      <c r="D113" s="86">
        <v>0.25480000000000003</v>
      </c>
      <c r="E113" s="167">
        <v>9.1999999999999998E-2</v>
      </c>
      <c r="F113" s="94">
        <v>4.3397328546812643E-2</v>
      </c>
      <c r="G113" s="166">
        <v>0.34700000000000003</v>
      </c>
      <c r="H113" s="94">
        <v>6.8853137008501347E-2</v>
      </c>
      <c r="I113" s="166">
        <v>0.28500000000000003</v>
      </c>
      <c r="J113" s="94">
        <v>6.5460067142215111E-2</v>
      </c>
      <c r="K113" s="93">
        <v>0.27700000000000002</v>
      </c>
      <c r="L113" s="94">
        <v>6.492326526679168E-2</v>
      </c>
    </row>
    <row r="114" spans="1:23">
      <c r="A114" s="49" t="s">
        <v>452</v>
      </c>
      <c r="B114" s="165">
        <v>83</v>
      </c>
      <c r="C114" s="161">
        <v>3.71</v>
      </c>
      <c r="D114" s="87">
        <v>0.3332</v>
      </c>
      <c r="E114" s="169">
        <v>4.7E-2</v>
      </c>
      <c r="F114" s="97">
        <v>5.3916497701769782E-2</v>
      </c>
      <c r="G114" s="168">
        <v>0.44700000000000001</v>
      </c>
      <c r="H114" s="97">
        <v>0.1066616437637689</v>
      </c>
      <c r="I114" s="168">
        <v>0.32700000000000001</v>
      </c>
      <c r="J114" s="97">
        <v>0.1012019320774</v>
      </c>
      <c r="K114" s="96">
        <v>0.18</v>
      </c>
      <c r="L114" s="97">
        <v>8.4906880722495165E-2</v>
      </c>
    </row>
    <row r="115" spans="1:23">
      <c r="A115" s="57" t="s">
        <v>453</v>
      </c>
      <c r="B115" s="164">
        <v>97</v>
      </c>
      <c r="C115" s="159">
        <v>4.05</v>
      </c>
      <c r="D115" s="86">
        <v>0.27440000000000003</v>
      </c>
      <c r="E115" s="167">
        <v>0.121</v>
      </c>
      <c r="F115" s="94">
        <v>6.8219566260006845E-2</v>
      </c>
      <c r="G115" s="166">
        <v>0.374</v>
      </c>
      <c r="H115" s="94">
        <v>9.6545603826956011E-2</v>
      </c>
      <c r="I115" s="166">
        <v>0.29199999999999998</v>
      </c>
      <c r="J115" s="94">
        <v>9.121728884240278E-2</v>
      </c>
      <c r="K115" s="93">
        <v>0.21299999999999999</v>
      </c>
      <c r="L115" s="94">
        <v>8.3018805842620821E-2</v>
      </c>
    </row>
    <row r="116" spans="1:23">
      <c r="A116" s="49" t="s">
        <v>454</v>
      </c>
      <c r="B116" s="165">
        <v>135</v>
      </c>
      <c r="C116" s="161">
        <v>4.8899999999999997</v>
      </c>
      <c r="D116" s="87">
        <v>0.29399999999999998</v>
      </c>
      <c r="E116" s="169">
        <v>0.28199999999999997</v>
      </c>
      <c r="F116" s="97">
        <v>7.6838958743395747E-2</v>
      </c>
      <c r="G116" s="168">
        <v>0.378</v>
      </c>
      <c r="H116" s="97">
        <v>8.2402819578340433E-2</v>
      </c>
      <c r="I116" s="168">
        <v>0.10200000000000001</v>
      </c>
      <c r="J116" s="97">
        <v>5.3799949274198705E-2</v>
      </c>
      <c r="K116" s="96">
        <v>0.23899999999999999</v>
      </c>
      <c r="L116" s="97">
        <v>7.311038684713142E-2</v>
      </c>
    </row>
    <row r="118" spans="1:23">
      <c r="I118" s="249"/>
      <c r="J118" s="249"/>
      <c r="K118" s="249"/>
      <c r="L118" s="249"/>
      <c r="M118" s="249"/>
      <c r="N118" s="249"/>
      <c r="O118" s="249"/>
      <c r="P118" s="249"/>
      <c r="Q118" s="249"/>
      <c r="R118" s="249"/>
      <c r="S118" s="249"/>
      <c r="T118" s="249"/>
      <c r="U118" s="249"/>
      <c r="V118" s="249"/>
      <c r="W118" s="249"/>
    </row>
  </sheetData>
  <mergeCells count="13">
    <mergeCell ref="A3:D3"/>
    <mergeCell ref="A4:D4"/>
    <mergeCell ref="A5:D5"/>
    <mergeCell ref="B34:J34"/>
    <mergeCell ref="K34:S34"/>
    <mergeCell ref="A33:S33"/>
    <mergeCell ref="A32:S32"/>
    <mergeCell ref="A63:L63"/>
    <mergeCell ref="A62:L62"/>
    <mergeCell ref="A61:L61"/>
    <mergeCell ref="A92:L92"/>
    <mergeCell ref="A91:L91"/>
    <mergeCell ref="A90:L90"/>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2T00:34:46Z</dcterms:modified>
</cp:coreProperties>
</file>